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1º Bimestre 2015 - Republicação\"/>
    </mc:Choice>
  </mc:AlternateContent>
  <bookViews>
    <workbookView xWindow="15" yWindow="4245" windowWidth="20085" windowHeight="3525" tabRatio="879" firstSheet="9" activeTab="13"/>
  </bookViews>
  <sheets>
    <sheet name="Anexo1-Balanço Orçamentário" sheetId="1" r:id="rId1"/>
    <sheet name="Anexo 1.1-Balanço Orç Intra" sheetId="2" r:id="rId2"/>
    <sheet name="Anexo 2-Função" sheetId="3" r:id="rId3"/>
    <sheet name="Anexo 2.1-Função-Intra" sheetId="4" r:id="rId4"/>
    <sheet name="Anexo 3-RCL Estados" sheetId="5" r:id="rId5"/>
    <sheet name="Anexo 4-RPPS Financeiro FR40" sheetId="6" r:id="rId6"/>
    <sheet name="Anexo 4-RPPS Previdenciário47" sheetId="7" r:id="rId7"/>
    <sheet name="Anexo 5-Resultado Nominal" sheetId="8" r:id="rId8"/>
    <sheet name="Anexo 6-Primário Estados" sheetId="9" r:id="rId9"/>
    <sheet name="Anexo 7-RP Poder e Órgão" sheetId="10" r:id="rId10"/>
    <sheet name="Anexo 8-MDE-Estados" sheetId="11" r:id="rId11"/>
    <sheet name="Anexo 12-Saúde-Estados" sheetId="12" r:id="rId12"/>
    <sheet name="Anexo 13-Despesas PPP" sheetId="13" r:id="rId13"/>
    <sheet name="Anexo 14-Simplificado" sheetId="14" r:id="rId14"/>
  </sheets>
  <definedNames>
    <definedName name="_xlnm.Print_Area" localSheetId="1">'Anexo 1.1-Balanço Orç Intra'!$A$1:$L$113</definedName>
    <definedName name="_xlnm.Print_Area" localSheetId="11">'Anexo 12-Saúde-Estados'!$A$2:$H$152</definedName>
    <definedName name="_xlnm.Print_Area" localSheetId="12">'Anexo 13-Despesas PPP'!$A$1:$L$62</definedName>
    <definedName name="_xlnm.Print_Area" localSheetId="13">'Anexo 14-Simplificado'!$A$3:$E$117</definedName>
    <definedName name="_xlnm.Print_Area" localSheetId="2">'Anexo 2-Função'!$A$1:$L$194</definedName>
    <definedName name="_xlnm.Print_Area" localSheetId="4">'Anexo 3-RCL Estados'!$A$3:$H$93</definedName>
    <definedName name="_xlnm.Print_Area" localSheetId="6">'Anexo 4-RPPS Previdenciário47'!$A$3:$I$142</definedName>
    <definedName name="_xlnm.Print_Area" localSheetId="7">'Anexo 5-Resultado Nominal'!$A$3:$G$66</definedName>
    <definedName name="_xlnm.Print_Area" localSheetId="8">'Anexo 6-Primário Estados'!$A$2:$H$93</definedName>
    <definedName name="_xlnm.Print_Area" localSheetId="9">'Anexo 7-RP Poder e Órgão'!$A$2:$G$112</definedName>
    <definedName name="_xlnm.Print_Area" localSheetId="10">'Anexo 8-MDE-Estados'!$A$2:$H$214</definedName>
    <definedName name="_xlnm.Print_Area" localSheetId="0">'Anexo1-Balanço Orçamentário'!$A$2:$L$144</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RP Poder e Órgão'!#REF!,'Anexo 7-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RP Poder e Órgão'!#REF!,'Anexo 7-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25EF1E0D_169B_4051_B414_7E1196FC05E4_.wvu.PrintArea" localSheetId="1" hidden="1">'Anexo 1.1-Balanço Orç Intra'!$A$1:$L$113</definedName>
    <definedName name="Z_25EF1E0D_169B_4051_B414_7E1196FC05E4_.wvu.PrintArea" localSheetId="11" hidden="1">'Anexo 12-Saúde-Estados'!$A$1:$H$145</definedName>
    <definedName name="Z_25EF1E0D_169B_4051_B414_7E1196FC05E4_.wvu.PrintArea" localSheetId="12" hidden="1">'Anexo 13-Despesas PPP'!$A$1:$L$62</definedName>
    <definedName name="Z_25EF1E0D_169B_4051_B414_7E1196FC05E4_.wvu.PrintArea" localSheetId="13" hidden="1">'Anexo 14-Simplificado'!$A$1:$E$116</definedName>
    <definedName name="Z_25EF1E0D_169B_4051_B414_7E1196FC05E4_.wvu.PrintArea" localSheetId="3" hidden="1">'Anexo 2.1-Função-Intra'!$A$1:$L$121</definedName>
    <definedName name="Z_25EF1E0D_169B_4051_B414_7E1196FC05E4_.wvu.PrintArea" localSheetId="2" hidden="1">'Anexo 2-Função'!$A$1:$L$194</definedName>
    <definedName name="Z_25EF1E0D_169B_4051_B414_7E1196FC05E4_.wvu.PrintArea" localSheetId="4" hidden="1">'Anexo 3-RCL Estados'!$A$1:$H$91</definedName>
    <definedName name="Z_25EF1E0D_169B_4051_B414_7E1196FC05E4_.wvu.PrintArea" localSheetId="5" hidden="1">'Anexo 4-RPPS Financeiro FR40'!$A$1:$I$143</definedName>
    <definedName name="Z_25EF1E0D_169B_4051_B414_7E1196FC05E4_.wvu.PrintArea" localSheetId="6" hidden="1">'Anexo 4-RPPS Previdenciário47'!$A$1:$I$142</definedName>
    <definedName name="Z_25EF1E0D_169B_4051_B414_7E1196FC05E4_.wvu.PrintArea" localSheetId="7" hidden="1">'Anexo 5-Resultado Nominal'!$A$1:$G$65</definedName>
    <definedName name="Z_25EF1E0D_169B_4051_B414_7E1196FC05E4_.wvu.PrintArea" localSheetId="8" hidden="1">'Anexo 6-Primário Estados'!$A$1:$H$92</definedName>
    <definedName name="Z_25EF1E0D_169B_4051_B414_7E1196FC05E4_.wvu.PrintArea" localSheetId="9" hidden="1">'Anexo 7-RP Poder e Órgão'!$A$1:$G$110</definedName>
    <definedName name="Z_25EF1E0D_169B_4051_B414_7E1196FC05E4_.wvu.PrintArea" localSheetId="10" hidden="1">'Anexo 8-MDE-Estados'!$A$1:$H$215</definedName>
    <definedName name="Z_25EF1E0D_169B_4051_B414_7E1196FC05E4_.wvu.PrintArea" localSheetId="0" hidden="1">'Anexo1-Balanço Orçamentário'!$A$1:$L$143</definedName>
    <definedName name="Z_3AAF6A5F_F9AA_430B_9AD9_1261ECDF41B5_.wvu.PrintArea" localSheetId="11" hidden="1">'Anexo 12-Saúde-Estados'!$A$2:$H$152</definedName>
    <definedName name="Z_3AAF6A5F_F9AA_430B_9AD9_1261ECDF41B5_.wvu.PrintArea" localSheetId="12" hidden="1">'Anexo 13-Despesas PPP'!$A$1:$L$62</definedName>
    <definedName name="Z_3AAF6A5F_F9AA_430B_9AD9_1261ECDF41B5_.wvu.PrintArea" localSheetId="13" hidden="1">'Anexo 14-Simplificado'!$A$3:$E$117</definedName>
    <definedName name="Z_3AAF6A5F_F9AA_430B_9AD9_1261ECDF41B5_.wvu.PrintArea" localSheetId="2" hidden="1">'Anexo 2-Função'!$A$1:$L$194</definedName>
    <definedName name="Z_3AAF6A5F_F9AA_430B_9AD9_1261ECDF41B5_.wvu.PrintArea" localSheetId="4" hidden="1">'Anexo 3-RCL Estados'!$A$3:$H$93</definedName>
    <definedName name="Z_3AAF6A5F_F9AA_430B_9AD9_1261ECDF41B5_.wvu.PrintArea" localSheetId="6" hidden="1">'Anexo 4-RPPS Previdenciário47'!$A$3:$I$142</definedName>
    <definedName name="Z_3AAF6A5F_F9AA_430B_9AD9_1261ECDF41B5_.wvu.PrintArea" localSheetId="7" hidden="1">'Anexo 5-Resultado Nominal'!$A$3:$G$66</definedName>
    <definedName name="Z_3AAF6A5F_F9AA_430B_9AD9_1261ECDF41B5_.wvu.PrintArea" localSheetId="8" hidden="1">'Anexo 6-Primário Estados'!$A$2:$H$93</definedName>
    <definedName name="Z_3AAF6A5F_F9AA_430B_9AD9_1261ECDF41B5_.wvu.PrintArea" localSheetId="9" hidden="1">'Anexo 7-RP Poder e Órgão'!$A$2:$G$112</definedName>
    <definedName name="Z_3AAF6A5F_F9AA_430B_9AD9_1261ECDF41B5_.wvu.PrintArea" localSheetId="10" hidden="1">'Anexo 8-MDE-Estados'!$A$2:$H$214</definedName>
    <definedName name="Z_3AAF6A5F_F9AA_430B_9AD9_1261ECDF41B5_.wvu.PrintArea" localSheetId="0" hidden="1">'Anexo1-Balanço Orçamentário'!$A$2:$L$144</definedName>
    <definedName name="Z_3AAF6A5F_F9AA_430B_9AD9_1261ECDF41B5_.wvu.Rows" localSheetId="0" hidden="1">'Anexo1-Balanço Orçamentário'!$77:$82,'Anexo1-Balanço Orçamentário'!$111:$116</definedName>
    <definedName name="Z_6DBFA32C_4AA4_4E1D_9A48_697377C64CC3_.wvu.PrintArea" localSheetId="11" hidden="1">'Anexo 12-Saúde-Estados'!$A$2:$H$152</definedName>
    <definedName name="Z_6DBFA32C_4AA4_4E1D_9A48_697377C64CC3_.wvu.PrintArea" localSheetId="12" hidden="1">'Anexo 13-Despesas PPP'!$A$1:$L$62</definedName>
    <definedName name="Z_6DBFA32C_4AA4_4E1D_9A48_697377C64CC3_.wvu.PrintArea" localSheetId="13" hidden="1">'Anexo 14-Simplificado'!$A$3:$E$117</definedName>
    <definedName name="Z_6DBFA32C_4AA4_4E1D_9A48_697377C64CC3_.wvu.PrintArea" localSheetId="2" hidden="1">'Anexo 2-Função'!$A$1:$L$192</definedName>
    <definedName name="Z_6DBFA32C_4AA4_4E1D_9A48_697377C64CC3_.wvu.PrintArea" localSheetId="4" hidden="1">'Anexo 3-RCL Estados'!$A$3:$H$93</definedName>
    <definedName name="Z_6DBFA32C_4AA4_4E1D_9A48_697377C64CC3_.wvu.PrintArea" localSheetId="6" hidden="1">'Anexo 4-RPPS Previdenciário47'!$A$3:$I$142</definedName>
    <definedName name="Z_6DBFA32C_4AA4_4E1D_9A48_697377C64CC3_.wvu.PrintArea" localSheetId="7" hidden="1">'Anexo 5-Resultado Nominal'!$A$3:$G$66</definedName>
    <definedName name="Z_6DBFA32C_4AA4_4E1D_9A48_697377C64CC3_.wvu.PrintArea" localSheetId="8" hidden="1">'Anexo 6-Primário Estados'!$A$2:$H$93</definedName>
    <definedName name="Z_6DBFA32C_4AA4_4E1D_9A48_697377C64CC3_.wvu.PrintArea" localSheetId="9" hidden="1">'Anexo 7-RP Poder e Órgão'!$A$2:$G$112</definedName>
    <definedName name="Z_6DBFA32C_4AA4_4E1D_9A48_697377C64CC3_.wvu.PrintArea" localSheetId="10" hidden="1">'Anexo 8-MDE-Estados'!$A$2:$H$214</definedName>
    <definedName name="Z_6DBFA32C_4AA4_4E1D_9A48_697377C64CC3_.wvu.PrintArea" localSheetId="0" hidden="1">'Anexo1-Balanço Orçamentário'!$A$2:$L$144</definedName>
    <definedName name="Z_6DBFA32C_4AA4_4E1D_9A48_697377C64CC3_.wvu.Rows" localSheetId="0" hidden="1">'Anexo1-Balanço Orçamentário'!$77:$82,'Anexo1-Balanço Orçamentário'!$111:$116</definedName>
    <definedName name="Z_6F6CE139_4C01_4DC6_BA1C_5DC7C1E4A87D_.wvu.Cols" localSheetId="2" hidden="1">'Anexo 2-Função'!$L:$L</definedName>
    <definedName name="Z_6F6CE139_4C01_4DC6_BA1C_5DC7C1E4A87D_.wvu.PrintArea" localSheetId="11" hidden="1">'Anexo 12-Saúde-Estados'!$A$2:$H$152</definedName>
    <definedName name="Z_6F6CE139_4C01_4DC6_BA1C_5DC7C1E4A87D_.wvu.PrintArea" localSheetId="12" hidden="1">'Anexo 13-Despesas PPP'!$A$1:$L$62</definedName>
    <definedName name="Z_6F6CE139_4C01_4DC6_BA1C_5DC7C1E4A87D_.wvu.PrintArea" localSheetId="13" hidden="1">'Anexo 14-Simplificado'!$A$3:$E$117</definedName>
    <definedName name="Z_6F6CE139_4C01_4DC6_BA1C_5DC7C1E4A87D_.wvu.PrintArea" localSheetId="2" hidden="1">'Anexo 2-Função'!$A$1:$L$192</definedName>
    <definedName name="Z_6F6CE139_4C01_4DC6_BA1C_5DC7C1E4A87D_.wvu.PrintArea" localSheetId="4" hidden="1">'Anexo 3-RCL Estados'!$A$3:$H$93</definedName>
    <definedName name="Z_6F6CE139_4C01_4DC6_BA1C_5DC7C1E4A87D_.wvu.PrintArea" localSheetId="6" hidden="1">'Anexo 4-RPPS Previdenciário47'!$A$3:$I$142</definedName>
    <definedName name="Z_6F6CE139_4C01_4DC6_BA1C_5DC7C1E4A87D_.wvu.PrintArea" localSheetId="7" hidden="1">'Anexo 5-Resultado Nominal'!$A$3:$G$66</definedName>
    <definedName name="Z_6F6CE139_4C01_4DC6_BA1C_5DC7C1E4A87D_.wvu.PrintArea" localSheetId="8" hidden="1">'Anexo 6-Primário Estados'!$A$2:$H$93</definedName>
    <definedName name="Z_6F6CE139_4C01_4DC6_BA1C_5DC7C1E4A87D_.wvu.PrintArea" localSheetId="9" hidden="1">'Anexo 7-RP Poder e Órgão'!$A$2:$G$112</definedName>
    <definedName name="Z_6F6CE139_4C01_4DC6_BA1C_5DC7C1E4A87D_.wvu.PrintArea" localSheetId="10" hidden="1">'Anexo 8-MDE-Estados'!$A$2:$H$214</definedName>
    <definedName name="Z_6F6CE139_4C01_4DC6_BA1C_5DC7C1E4A87D_.wvu.PrintArea" localSheetId="0" hidden="1">'Anexo1-Balanço Orçamentário'!$A$2:$L$144</definedName>
    <definedName name="Z_6F6CE139_4C01_4DC6_BA1C_5DC7C1E4A87D_.wvu.Rows" localSheetId="0" hidden="1">'Anexo1-Balanço Orçamentário'!$77:$82,'Anexo1-Balanço Orçamentário'!$111:$116</definedName>
    <definedName name="Z_82EDB5A4_4824_4632_A540_7A52C92F04C7_.wvu.Cols" localSheetId="8" hidden="1">'Anexo 6-Primário Estados'!$H:$H</definedName>
    <definedName name="Z_82EDB5A4_4824_4632_A540_7A52C92F04C7_.wvu.PrintArea" localSheetId="13" hidden="1">'Anexo 14-Simplificado'!$A$1:$E$96</definedName>
    <definedName name="Z_82EDB5A4_4824_4632_A540_7A52C92F04C7_.wvu.PrintArea" localSheetId="2" hidden="1">'Anexo 2-Função'!$A$1:$L$168</definedName>
    <definedName name="Z_82EDB5A4_4824_4632_A540_7A52C92F04C7_.wvu.PrintArea" localSheetId="4" hidden="1">'Anexo 3-RCL Estados'!$A$1:$H$92</definedName>
    <definedName name="Z_82EDB5A4_4824_4632_A540_7A52C92F04C7_.wvu.PrintArea" localSheetId="6" hidden="1">'Anexo 4-RPPS Previdenciário47'!$A$1:$I$121</definedName>
    <definedName name="Z_82EDB5A4_4824_4632_A540_7A52C92F04C7_.wvu.PrintArea" localSheetId="8" hidden="1">'Anexo 6-Primário Estados'!$A$1:$H$73</definedName>
    <definedName name="Z_82EDB5A4_4824_4632_A540_7A52C92F04C7_.wvu.PrintArea" localSheetId="9" hidden="1">'Anexo 7-RP Poder e Órgão'!$A$1:$G$49</definedName>
    <definedName name="Z_82EDB5A4_4824_4632_A540_7A52C92F04C7_.wvu.PrintArea" localSheetId="0" hidden="1">'Anexo1-Balanço Orçamentário'!$A$2:$L$139</definedName>
    <definedName name="Z_8C4C4E05_26A9_48D7_9CF5_CBEE6AE5F4C6_.wvu.PrintArea" localSheetId="1" hidden="1">'Anexo 1.1-Balanço Orç Intra'!$A$1:$L$113</definedName>
    <definedName name="Z_8C4C4E05_26A9_48D7_9CF5_CBEE6AE5F4C6_.wvu.PrintArea" localSheetId="11" hidden="1">'Anexo 12-Saúde-Estados'!$A$2:$H$152</definedName>
    <definedName name="Z_8C4C4E05_26A9_48D7_9CF5_CBEE6AE5F4C6_.wvu.PrintArea" localSheetId="12" hidden="1">'Anexo 13-Despesas PPP'!$A$1:$L$62</definedName>
    <definedName name="Z_8C4C4E05_26A9_48D7_9CF5_CBEE6AE5F4C6_.wvu.PrintArea" localSheetId="13" hidden="1">'Anexo 14-Simplificado'!$A$3:$E$117</definedName>
    <definedName name="Z_8C4C4E05_26A9_48D7_9CF5_CBEE6AE5F4C6_.wvu.PrintArea" localSheetId="2" hidden="1">'Anexo 2-Função'!$A$1:$L$194</definedName>
    <definedName name="Z_8C4C4E05_26A9_48D7_9CF5_CBEE6AE5F4C6_.wvu.PrintArea" localSheetId="4" hidden="1">'Anexo 3-RCL Estados'!$A$3:$H$93</definedName>
    <definedName name="Z_8C4C4E05_26A9_48D7_9CF5_CBEE6AE5F4C6_.wvu.PrintArea" localSheetId="6" hidden="1">'Anexo 4-RPPS Previdenciário47'!$A$3:$I$142</definedName>
    <definedName name="Z_8C4C4E05_26A9_48D7_9CF5_CBEE6AE5F4C6_.wvu.PrintArea" localSheetId="7" hidden="1">'Anexo 5-Resultado Nominal'!$A$3:$G$66</definedName>
    <definedName name="Z_8C4C4E05_26A9_48D7_9CF5_CBEE6AE5F4C6_.wvu.PrintArea" localSheetId="8" hidden="1">'Anexo 6-Primário Estados'!$A$2:$H$93</definedName>
    <definedName name="Z_8C4C4E05_26A9_48D7_9CF5_CBEE6AE5F4C6_.wvu.PrintArea" localSheetId="9" hidden="1">'Anexo 7-RP Poder e Órgão'!$A$2:$G$112</definedName>
    <definedName name="Z_8C4C4E05_26A9_48D7_9CF5_CBEE6AE5F4C6_.wvu.PrintArea" localSheetId="10" hidden="1">'Anexo 8-MDE-Estados'!$A$2:$H$214</definedName>
    <definedName name="Z_8C4C4E05_26A9_48D7_9CF5_CBEE6AE5F4C6_.wvu.PrintArea" localSheetId="0" hidden="1">'Anexo1-Balanço Orçamentário'!$A$2:$L$144</definedName>
    <definedName name="Z_D5976633_8ECB_4B00_B200_C7467CF5B10F_.wvu.Cols" localSheetId="8" hidden="1">'Anexo 6-Primário Estados'!$H:$H</definedName>
    <definedName name="Z_D5976633_8ECB_4B00_B200_C7467CF5B10F_.wvu.PrintArea" localSheetId="13" hidden="1">'Anexo 14-Simplificado'!$A$1:$E$96</definedName>
    <definedName name="Z_D5976633_8ECB_4B00_B200_C7467CF5B10F_.wvu.PrintArea" localSheetId="2" hidden="1">'Anexo 2-Função'!$A$1:$L$168</definedName>
    <definedName name="Z_D5976633_8ECB_4B00_B200_C7467CF5B10F_.wvu.PrintArea" localSheetId="4" hidden="1">'Anexo 3-RCL Estados'!$A$1:$H$92</definedName>
    <definedName name="Z_D5976633_8ECB_4B00_B200_C7467CF5B10F_.wvu.PrintArea" localSheetId="6" hidden="1">'Anexo 4-RPPS Previdenciário47'!$A$3:$D$121</definedName>
    <definedName name="Z_D5976633_8ECB_4B00_B200_C7467CF5B10F_.wvu.PrintArea" localSheetId="8" hidden="1">'Anexo 6-Primário Estados'!$A$1:$H$73</definedName>
    <definedName name="Z_D5976633_8ECB_4B00_B200_C7467CF5B10F_.wvu.PrintArea" localSheetId="9" hidden="1">'Anexo 7-RP Poder e Órgão'!$A$1:$G$49</definedName>
    <definedName name="Z_D5976633_8ECB_4B00_B200_C7467CF5B10F_.wvu.PrintArea" localSheetId="0" hidden="1">'Anexo1-Balanço Orçamentário'!$A$2:$L$139</definedName>
  </definedNames>
  <calcPr calcId="152511"/>
  <customWorkbookViews>
    <customWorkbookView name="CLÁUDIO JOSÉ DAINESE - Modo de exibição pessoal" guid="{8C4C4E05-26A9-48D7-9CF5-CBEE6AE5F4C6}" mergeInterval="0" personalView="1" maximized="1" xWindow="-8" yWindow="-8" windowWidth="1382" windowHeight="744" tabRatio="879" activeSheetId="12"/>
    <customWorkbookView name="cdainese - Modo de exibição pessoal" guid="{6F6CE139-4C01-4DC6-BA1C-5DC7C1E4A87D}" mergeInterval="0" personalView="1" xWindow="11" yWindow="315" windowWidth="1319" windowHeight="193" tabRatio="938" activeSheetId="9" showComments="commIndAndComment"/>
    <customWorkbookView name="natalino gonçalves de almeida - Modo de exibição pessoal" guid="{D5976633-8ECB-4B00-B200-C7467CF5B10F}" mergeInterval="0" personalView="1" maximized="1" windowWidth="1362" windowHeight="543" tabRatio="951" activeSheetId="11"/>
    <customWorkbookView name="vyasunaka - Modo de exibição pessoal" guid="{82EDB5A4-4824-4632-A540-7A52C92F04C7}" mergeInterval="0" personalView="1" maximized="1" xWindow="1" yWindow="1" windowWidth="1362" windowHeight="492" tabRatio="951" activeSheetId="8"/>
    <customWorkbookView name="sandrade - Modo de exibição pessoal" guid="{6DBFA32C-4AA4-4E1D-9A48-697377C64CC3}" mergeInterval="0" personalView="1" maximized="1" xWindow="1" yWindow="1" windowWidth="1362" windowHeight="496" tabRatio="947" activeSheetId="3"/>
    <customWorkbookView name="rooliveira - Modo de exibição pessoal" guid="{3AAF6A5F-F9AA-430B-9AD9-1261ECDF41B5}" mergeInterval="0" personalView="1" maximized="1" xWindow="1" yWindow="1" windowWidth="1362" windowHeight="496" tabRatio="907" activeSheetId="5"/>
    <customWorkbookView name="JOSE CARLOS BERNARDI - Modo de exibição pessoal" guid="{25EF1E0D-169B-4051-B414-7E1196FC05E4}" mergeInterval="0" personalView="1" maximized="1" xWindow="1" yWindow="1" windowWidth="1362" windowHeight="496" tabRatio="951" activeSheetId="12"/>
  </customWorkbookViews>
</workbook>
</file>

<file path=xl/sharedStrings.xml><?xml version="1.0" encoding="utf-8"?>
<sst xmlns="http://schemas.openxmlformats.org/spreadsheetml/2006/main" count="1712" uniqueCount="885">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Alienação de Bens  (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JANEIRO A FEVEREIRO DE 2015 - BIMESTRE JANEIRO-FEVEREIRO</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MARÇO 2014 A FEVEREIRO 2015</t>
  </si>
  <si>
    <t>MAR/2014</t>
  </si>
  <si>
    <t>ABR/2014</t>
  </si>
  <si>
    <t>MAI/2014</t>
  </si>
  <si>
    <t>JUN/2014</t>
  </si>
  <si>
    <t>JUL/2014</t>
  </si>
  <si>
    <t>AGO/2014</t>
  </si>
  <si>
    <t>SET/2014</t>
  </si>
  <si>
    <t>OUT/2014</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Direitos Inddividuais, Coletivos e Difusos</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 xml:space="preserve">OBS: No campo Despesas Empenhadas até o Bimestre de 2014 estão sem valores uma vez que no exercício de 2014 o referido campo não era exigido. </t>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Em 28/FEV/2015</t>
  </si>
  <si>
    <t>RECEITA RESULTANTE DE IMPOSTOS</t>
  </si>
  <si>
    <t>(caput do art. 212 da Constituição)</t>
  </si>
  <si>
    <t xml:space="preserve">   Promoção Comercial</t>
  </si>
  <si>
    <t>RECEITAS ADICIONAIS PARA FINANCIAMENTO DO ENSINO</t>
  </si>
  <si>
    <t xml:space="preserve">        Demais Despesas Correntes</t>
  </si>
  <si>
    <t xml:space="preserve">        Transferências Constitucionais e Legais</t>
  </si>
  <si>
    <t>CANCELADO EM 2015</t>
  </si>
  <si>
    <t xml:space="preserve"> (j)</t>
  </si>
  <si>
    <r>
      <t xml:space="preserve">46- </t>
    </r>
    <r>
      <rPr>
        <b/>
        <sz val="8"/>
        <color indexed="8"/>
        <rFont val="Verdana"/>
        <family val="2"/>
      </rPr>
      <t xml:space="preserve">DESPESAS CUSTEADAS COM </t>
    </r>
    <r>
      <rPr>
        <b/>
        <sz val="8"/>
        <rFont val="Verdana"/>
        <family val="2"/>
      </rPr>
      <t>SALÁRIO-EDUCAÇÃO</t>
    </r>
  </si>
  <si>
    <t>11- RECEITA DE TRANSFERÊNCIAS DE CONVÊNIOS</t>
  </si>
  <si>
    <t>FONTE: SPF - Sistema de Planejamento e Finanças do Estado de MS.</t>
  </si>
  <si>
    <t>RECEITAS (INTRA-ORÇAMENTÁRIAS) (I)</t>
  </si>
  <si>
    <t>DESPESAS (INTRA-ORÇAMENTÁRIAS) (VIII)</t>
  </si>
  <si>
    <t>RECEITAS ORÇAMENTÁRIAS</t>
  </si>
  <si>
    <t>DESPESAS ORÇAMENTÁRIAS</t>
  </si>
  <si>
    <t>RREO - Anexo 1.1 (LRF, Art. 52, inciso I, alíneas "a" e "b" do inciso II e §1º)</t>
  </si>
  <si>
    <t xml:space="preserve"> </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1"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b/>
      <sz val="10"/>
      <name val="Arial"/>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75">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4"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3" fontId="4" fillId="0" borderId="5" xfId="0" applyNumberFormat="1"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11" xfId="1" applyFont="1" applyFill="1" applyBorder="1" applyAlignment="1">
      <alignment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1"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6" xfId="1" applyFont="1" applyFill="1" applyBorder="1" applyAlignment="1">
      <alignment vertical="center" wrapText="1"/>
    </xf>
    <xf numFmtId="0" fontId="4" fillId="3" borderId="3" xfId="1" applyFont="1" applyFill="1" applyBorder="1" applyAlignment="1">
      <alignment vertical="center" wrapText="1"/>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1" applyNumberFormat="1" applyFont="1" applyFill="1" applyAlignment="1">
      <alignment horizontal="righ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0" xfId="0" applyFont="1" applyFill="1" applyBorder="1" applyAlignment="1">
      <alignment horizontal="center"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5" fillId="0" borderId="2" xfId="0" applyNumberFormat="1" applyFont="1" applyFill="1" applyBorder="1" applyAlignment="1">
      <alignment vertical="center"/>
    </xf>
    <xf numFmtId="165" fontId="4" fillId="0" borderId="2" xfId="0" applyNumberFormat="1" applyFont="1" applyFill="1" applyBorder="1" applyAlignment="1">
      <alignment vertical="center"/>
    </xf>
    <xf numFmtId="165" fontId="4" fillId="0" borderId="3" xfId="0" applyNumberFormat="1" applyFont="1" applyFill="1" applyBorder="1" applyAlignment="1">
      <alignment vertical="center"/>
    </xf>
    <xf numFmtId="165" fontId="5" fillId="2" borderId="15"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4" xfId="1" applyFont="1" applyFill="1" applyBorder="1" applyAlignment="1">
      <alignment vertical="center"/>
    </xf>
    <xf numFmtId="0" fontId="5" fillId="2" borderId="7" xfId="1" applyFont="1" applyFill="1" applyBorder="1" applyAlignment="1">
      <alignment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43" fontId="4" fillId="0" borderId="2" xfId="5" applyFont="1" applyFill="1" applyBorder="1" applyAlignment="1">
      <alignment vertical="center"/>
    </xf>
    <xf numFmtId="43" fontId="4" fillId="0" borderId="8" xfId="5" applyFont="1" applyFill="1" applyBorder="1" applyAlignment="1">
      <alignmen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5" fillId="0" borderId="8" xfId="5" applyFont="1" applyFill="1" applyBorder="1" applyAlignment="1">
      <alignment horizontal="center" vertical="center" wrapText="1"/>
    </xf>
    <xf numFmtId="43" fontId="5" fillId="0" borderId="15" xfId="5" applyFont="1" applyFill="1" applyBorder="1" applyAlignment="1">
      <alignment vertical="center"/>
    </xf>
    <xf numFmtId="43" fontId="4" fillId="0" borderId="10" xfId="5" applyFont="1" applyFill="1" applyBorder="1" applyAlignment="1">
      <alignment vertical="center"/>
    </xf>
    <xf numFmtId="43" fontId="4" fillId="0" borderId="8" xfId="5" applyFont="1" applyFill="1" applyBorder="1" applyAlignment="1">
      <alignment horizontal="center" vertical="center"/>
    </xf>
    <xf numFmtId="43" fontId="4" fillId="0" borderId="1" xfId="5" applyFont="1" applyFill="1" applyBorder="1" applyAlignment="1">
      <alignment horizontal="center" vertical="center"/>
    </xf>
    <xf numFmtId="43" fontId="4" fillId="0" borderId="0" xfId="5" applyFont="1" applyFill="1" applyAlignment="1">
      <alignment vertical="center"/>
    </xf>
    <xf numFmtId="43" fontId="4" fillId="0" borderId="13" xfId="5" applyFont="1" applyFill="1" applyBorder="1" applyAlignment="1">
      <alignment vertical="center"/>
    </xf>
    <xf numFmtId="43" fontId="5" fillId="0" borderId="2" xfId="5" applyFont="1" applyFill="1" applyBorder="1" applyAlignment="1">
      <alignment horizontal="center" vertical="center" wrapText="1"/>
    </xf>
    <xf numFmtId="43" fontId="4" fillId="0" borderId="2" xfId="5" applyFont="1" applyFill="1" applyBorder="1" applyAlignment="1">
      <alignment horizontal="center" vertical="center" wrapText="1"/>
    </xf>
    <xf numFmtId="43" fontId="5" fillId="0" borderId="10" xfId="5" applyFont="1" applyFill="1" applyBorder="1" applyAlignment="1">
      <alignment horizontal="center" vertical="center" wrapText="1"/>
    </xf>
    <xf numFmtId="43" fontId="4" fillId="0" borderId="1" xfId="5" applyFont="1" applyFill="1" applyBorder="1" applyAlignment="1">
      <alignment vertical="center"/>
    </xf>
    <xf numFmtId="43" fontId="5" fillId="0" borderId="1" xfId="5" applyFont="1" applyFill="1" applyBorder="1" applyAlignment="1">
      <alignment horizontal="center" vertical="center" wrapText="1"/>
    </xf>
    <xf numFmtId="43" fontId="4" fillId="0" borderId="0" xfId="5" applyFont="1" applyFill="1" applyBorder="1" applyAlignment="1">
      <alignment vertical="center"/>
    </xf>
    <xf numFmtId="43" fontId="4" fillId="0" borderId="0" xfId="5" applyFont="1" applyFill="1" applyAlignment="1">
      <alignment horizontal="center" vertical="center"/>
    </xf>
    <xf numFmtId="43" fontId="4" fillId="0" borderId="7" xfId="5" applyFont="1" applyFill="1" applyBorder="1" applyAlignment="1">
      <alignment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3"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3" fontId="4" fillId="0" borderId="4" xfId="5" applyFont="1" applyFill="1" applyBorder="1" applyAlignment="1">
      <alignment vertical="center"/>
    </xf>
    <xf numFmtId="43" fontId="4" fillId="0" borderId="11" xfId="5" applyFont="1" applyFill="1" applyBorder="1" applyAlignment="1">
      <alignment vertical="center"/>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5" fillId="0" borderId="10"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10" xfId="5" applyFont="1" applyFill="1" applyBorder="1" applyAlignment="1">
      <alignment horizontal="center" vertical="center"/>
    </xf>
    <xf numFmtId="43" fontId="5" fillId="0" borderId="1" xfId="5" applyFont="1" applyFill="1" applyBorder="1" applyAlignment="1">
      <alignment vertical="center"/>
    </xf>
    <xf numFmtId="43" fontId="5" fillId="2" borderId="1" xfId="5" applyFont="1" applyFill="1" applyBorder="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0" fontId="4" fillId="0" borderId="0" xfId="1" applyNumberFormat="1" applyFont="1" applyFill="1" applyBorder="1" applyAlignment="1">
      <alignment horizontal="center" vertical="center" wrapText="1"/>
    </xf>
    <xf numFmtId="43" fontId="19" fillId="0" borderId="0" xfId="0" applyNumberFormat="1" applyFont="1" applyFill="1" applyAlignment="1">
      <alignment vertical="center"/>
    </xf>
    <xf numFmtId="0" fontId="4" fillId="0" borderId="0" xfId="0"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5" fillId="0" borderId="5" xfId="1" applyNumberFormat="1" applyFont="1" applyFill="1" applyBorder="1" applyAlignment="1">
      <alignment horizontal="center" vertical="center" wrapText="1"/>
    </xf>
    <xf numFmtId="165" fontId="5" fillId="2" borderId="10" xfId="0" applyNumberFormat="1" applyFont="1" applyFill="1" applyBorder="1" applyAlignment="1">
      <alignment horizontal="right" vertical="center"/>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0" fontId="4" fillId="0" borderId="0" xfId="0" applyFont="1" applyFill="1" applyBorder="1" applyAlignment="1">
      <alignment horizontal="center" vertical="center"/>
    </xf>
    <xf numFmtId="165" fontId="4" fillId="0" borderId="12"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8" xfId="0" applyFont="1" applyFill="1" applyBorder="1" applyAlignment="1">
      <alignment horizontal="right" vertical="center" wrapText="1"/>
    </xf>
    <xf numFmtId="0" fontId="4" fillId="0" borderId="2" xfId="0" applyFont="1" applyFill="1" applyBorder="1" applyAlignment="1">
      <alignment horizontal="right" vertical="center" wrapText="1"/>
    </xf>
    <xf numFmtId="0" fontId="4" fillId="0" borderId="0" xfId="0" applyFont="1" applyFill="1" applyBorder="1" applyAlignment="1">
      <alignment vertical="center" wrapText="1"/>
    </xf>
    <xf numFmtId="0" fontId="5" fillId="2" borderId="10" xfId="0" applyFont="1" applyFill="1" applyBorder="1" applyAlignment="1">
      <alignment horizontal="right" vertical="center" wrapText="1"/>
    </xf>
    <xf numFmtId="0" fontId="5" fillId="2" borderId="13" xfId="0" applyFont="1" applyFill="1" applyBorder="1" applyAlignment="1">
      <alignment horizontal="righ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5" xfId="0" applyFont="1" applyFill="1" applyBorder="1" applyAlignment="1">
      <alignment horizontal="right" vertical="center" wrapText="1"/>
    </xf>
    <xf numFmtId="0" fontId="4" fillId="0" borderId="8" xfId="0" applyFont="1" applyFill="1" applyBorder="1" applyAlignment="1">
      <alignment vertical="center" wrapText="1"/>
    </xf>
    <xf numFmtId="0" fontId="5" fillId="2" borderId="10" xfId="0" applyFont="1" applyFill="1" applyBorder="1" applyAlignment="1">
      <alignment vertical="center" wrapText="1"/>
    </xf>
    <xf numFmtId="43" fontId="5" fillId="2" borderId="10" xfId="0" applyNumberFormat="1"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3" xfId="0" applyFont="1" applyFill="1" applyBorder="1" applyAlignment="1">
      <alignment horizontal="left" vertical="center"/>
    </xf>
    <xf numFmtId="0" fontId="4" fillId="0" borderId="3" xfId="0" applyFont="1" applyFill="1" applyBorder="1" applyAlignment="1">
      <alignment horizontal="left" vertical="center"/>
    </xf>
    <xf numFmtId="0" fontId="4" fillId="0" borderId="3" xfId="0" applyFont="1" applyFill="1" applyBorder="1" applyAlignment="1">
      <alignment horizontal="left" vertical="center"/>
    </xf>
    <xf numFmtId="0" fontId="4" fillId="0" borderId="3" xfId="0" applyFont="1" applyFill="1" applyBorder="1" applyAlignment="1">
      <alignment horizontal="left" vertical="center"/>
    </xf>
    <xf numFmtId="0" fontId="4" fillId="0" borderId="3" xfId="0" applyFont="1" applyFill="1" applyBorder="1" applyAlignment="1">
      <alignment horizontal="left" vertical="center"/>
    </xf>
    <xf numFmtId="22" fontId="4" fillId="0" borderId="0" xfId="0" applyNumberFormat="1" applyFont="1" applyFill="1" applyBorder="1" applyAlignment="1">
      <alignment horizontal="right" vertical="center"/>
    </xf>
    <xf numFmtId="164" fontId="4" fillId="0" borderId="0" xfId="0" applyNumberFormat="1" applyFont="1" applyFill="1" applyBorder="1" applyAlignment="1">
      <alignment horizontal="right" vertical="center"/>
    </xf>
    <xf numFmtId="43" fontId="5" fillId="0" borderId="4" xfId="5" applyFont="1" applyFill="1" applyBorder="1" applyAlignment="1">
      <alignment horizontal="right" vertical="center"/>
    </xf>
    <xf numFmtId="0" fontId="5" fillId="2" borderId="9" xfId="0" applyFont="1" applyFill="1" applyBorder="1" applyAlignment="1">
      <alignment horizontal="left" vertical="center" wrapText="1"/>
    </xf>
    <xf numFmtId="0" fontId="5" fillId="2" borderId="1" xfId="1" applyFont="1" applyFill="1" applyBorder="1" applyAlignment="1">
      <alignment horizontal="center" vertical="center" wrapText="1"/>
    </xf>
    <xf numFmtId="0" fontId="5" fillId="0" borderId="7" xfId="1" applyFont="1" applyBorder="1" applyAlignment="1">
      <alignment horizontal="left" vertical="center"/>
    </xf>
    <xf numFmtId="43" fontId="5" fillId="0" borderId="7" xfId="1"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1" xfId="5" applyNumberFormat="1" applyFont="1" applyFill="1" applyBorder="1" applyAlignment="1">
      <alignment horizontal="right" vertical="center"/>
    </xf>
    <xf numFmtId="43" fontId="5" fillId="0" borderId="5" xfId="1"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0" fontId="5" fillId="0" borderId="0" xfId="1" applyFont="1" applyFill="1" applyAlignment="1">
      <alignment horizontal="center" vertical="center" wrapText="1"/>
    </xf>
    <xf numFmtId="165" fontId="5" fillId="0" borderId="11" xfId="1" applyNumberFormat="1" applyFont="1" applyFill="1" applyBorder="1" applyAlignment="1">
      <alignment vertical="center"/>
    </xf>
    <xf numFmtId="165" fontId="5" fillId="0" borderId="8" xfId="1" applyNumberFormat="1" applyFont="1" applyFill="1" applyBorder="1" applyAlignment="1">
      <alignment vertical="center"/>
    </xf>
    <xf numFmtId="0" fontId="5" fillId="0" borderId="5" xfId="0" applyFont="1" applyFill="1" applyBorder="1" applyAlignment="1">
      <alignment horizontal="left" vertical="center" wrapText="1"/>
    </xf>
    <xf numFmtId="43" fontId="5" fillId="0" borderId="5" xfId="1" applyNumberFormat="1" applyFont="1" applyFill="1" applyBorder="1" applyAlignment="1">
      <alignment horizontal="right" vertical="center"/>
    </xf>
    <xf numFmtId="0" fontId="4" fillId="0" borderId="0" xfId="1" applyFont="1" applyBorder="1" applyAlignment="1">
      <alignment vertical="center" wrapText="1"/>
    </xf>
    <xf numFmtId="43" fontId="5" fillId="0" borderId="5" xfId="5" applyFont="1" applyFill="1" applyBorder="1" applyAlignment="1">
      <alignment vertical="center"/>
    </xf>
    <xf numFmtId="0" fontId="5" fillId="0" borderId="5" xfId="1" applyFont="1" applyFill="1" applyBorder="1" applyAlignment="1">
      <alignment horizontal="left" vertical="center" wrapText="1"/>
    </xf>
    <xf numFmtId="43" fontId="5" fillId="0" borderId="5" xfId="1" applyNumberFormat="1" applyFont="1" applyFill="1" applyBorder="1" applyAlignment="1">
      <alignment vertical="center"/>
    </xf>
    <xf numFmtId="43" fontId="5" fillId="0" borderId="5" xfId="1" applyNumberFormat="1" applyFont="1" applyFill="1" applyBorder="1" applyAlignment="1">
      <alignment horizontal="left" vertical="center" wrapText="1"/>
    </xf>
    <xf numFmtId="43" fontId="5" fillId="0" borderId="5" xfId="5" applyNumberFormat="1" applyFont="1" applyFill="1" applyBorder="1" applyAlignment="1">
      <alignment horizontal="left" vertical="center" wrapText="1"/>
    </xf>
    <xf numFmtId="43" fontId="5" fillId="0" borderId="5" xfId="5" applyNumberFormat="1" applyFont="1" applyFill="1" applyBorder="1" applyAlignment="1">
      <alignment horizontal="right" vertical="center" wrapText="1"/>
    </xf>
    <xf numFmtId="43" fontId="5" fillId="0" borderId="4" xfId="5" applyFont="1" applyFill="1" applyBorder="1" applyAlignment="1">
      <alignment horizontal="left" vertical="center" wrapText="1"/>
    </xf>
    <xf numFmtId="43" fontId="5" fillId="0" borderId="4" xfId="5" applyFont="1" applyFill="1" applyBorder="1" applyAlignment="1">
      <alignment horizontal="right" vertical="center" wrapText="1"/>
    </xf>
    <xf numFmtId="43" fontId="5" fillId="0" borderId="4" xfId="5" applyNumberFormat="1" applyFont="1" applyFill="1" applyBorder="1" applyAlignment="1">
      <alignment horizontal="right" vertical="center"/>
    </xf>
    <xf numFmtId="165" fontId="5" fillId="2" borderId="10" xfId="5" applyNumberFormat="1" applyFont="1" applyFill="1" applyBorder="1" applyAlignment="1">
      <alignment vertical="center"/>
    </xf>
    <xf numFmtId="165" fontId="5" fillId="2" borderId="10" xfId="5" applyNumberFormat="1" applyFont="1" applyFill="1" applyBorder="1" applyAlignment="1">
      <alignment horizontal="center" vertical="center"/>
    </xf>
    <xf numFmtId="165" fontId="5" fillId="0" borderId="0" xfId="5" applyNumberFormat="1" applyFont="1" applyFill="1" applyBorder="1" applyAlignment="1">
      <alignment vertical="center"/>
    </xf>
    <xf numFmtId="165" fontId="4" fillId="0" borderId="0" xfId="5" applyNumberFormat="1" applyFont="1" applyFill="1" applyBorder="1" applyAlignment="1">
      <alignment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2" borderId="11"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2" borderId="10" xfId="1" applyNumberFormat="1" applyFont="1" applyFill="1" applyBorder="1" applyAlignment="1">
      <alignment vertical="center"/>
    </xf>
    <xf numFmtId="165" fontId="5" fillId="0" borderId="11" xfId="5" applyNumberFormat="1" applyFont="1" applyFill="1" applyBorder="1" applyAlignment="1">
      <alignment vertical="center"/>
    </xf>
    <xf numFmtId="165" fontId="4" fillId="0" borderId="8" xfId="5" applyNumberFormat="1" applyFont="1" applyFill="1" applyBorder="1" applyAlignment="1">
      <alignment vertical="center"/>
    </xf>
    <xf numFmtId="165" fontId="5" fillId="0" borderId="8" xfId="5" applyNumberFormat="1" applyFont="1" applyFill="1" applyBorder="1" applyAlignment="1">
      <alignment vertical="center"/>
    </xf>
    <xf numFmtId="165" fontId="5" fillId="0" borderId="6" xfId="5" applyNumberFormat="1" applyFont="1" applyFill="1" applyBorder="1" applyAlignment="1">
      <alignment horizontal="left" vertical="center"/>
    </xf>
    <xf numFmtId="165" fontId="5" fillId="0" borderId="3" xfId="5" applyNumberFormat="1" applyFont="1" applyFill="1" applyBorder="1" applyAlignment="1">
      <alignment horizontal="left" vertical="center"/>
    </xf>
    <xf numFmtId="165" fontId="5" fillId="0" borderId="6" xfId="5" applyNumberFormat="1" applyFont="1" applyFill="1" applyBorder="1" applyAlignment="1">
      <alignment vertical="center"/>
    </xf>
    <xf numFmtId="165" fontId="4" fillId="0" borderId="3" xfId="1" applyNumberFormat="1" applyFont="1" applyFill="1" applyBorder="1" applyAlignment="1">
      <alignment horizontal="left" vertical="center"/>
    </xf>
    <xf numFmtId="165" fontId="4" fillId="0" borderId="3" xfId="5" applyNumberFormat="1" applyFont="1" applyFill="1" applyBorder="1" applyAlignment="1">
      <alignment horizontal="left" vertical="center"/>
    </xf>
    <xf numFmtId="165" fontId="4" fillId="0" borderId="2" xfId="1" applyNumberFormat="1" applyFont="1" applyFill="1" applyBorder="1" applyAlignment="1">
      <alignment vertical="center"/>
    </xf>
    <xf numFmtId="165" fontId="4" fillId="0" borderId="3" xfId="5" applyNumberFormat="1" applyFont="1" applyFill="1" applyBorder="1" applyAlignment="1">
      <alignment vertical="center"/>
    </xf>
    <xf numFmtId="165" fontId="5" fillId="0" borderId="3" xfId="5" applyNumberFormat="1" applyFont="1" applyFill="1" applyBorder="1" applyAlignment="1">
      <alignment horizontal="right" vertical="center"/>
    </xf>
    <xf numFmtId="165" fontId="4" fillId="0" borderId="3" xfId="5" applyNumberFormat="1" applyFont="1" applyFill="1" applyBorder="1" applyAlignment="1">
      <alignment horizontal="right" vertical="center"/>
    </xf>
    <xf numFmtId="165" fontId="4" fillId="0" borderId="12" xfId="1" applyNumberFormat="1" applyFont="1" applyFill="1" applyBorder="1" applyAlignment="1">
      <alignment horizontal="left" vertical="center"/>
    </xf>
    <xf numFmtId="165" fontId="4" fillId="0" borderId="13" xfId="5" applyNumberFormat="1" applyFont="1" applyFill="1" applyBorder="1" applyAlignment="1">
      <alignment horizontal="right" vertical="center"/>
    </xf>
    <xf numFmtId="165" fontId="4" fillId="0" borderId="13" xfId="1" applyNumberFormat="1" applyFont="1" applyFill="1" applyBorder="1" applyAlignment="1">
      <alignment vertical="center"/>
    </xf>
    <xf numFmtId="165" fontId="4" fillId="0" borderId="12" xfId="5" applyNumberFormat="1" applyFont="1" applyFill="1" applyBorder="1" applyAlignment="1">
      <alignment horizontal="right" vertical="center"/>
    </xf>
    <xf numFmtId="165" fontId="4" fillId="0" borderId="1" xfId="1" applyNumberFormat="1" applyFont="1" applyFill="1" applyBorder="1" applyAlignment="1">
      <alignment vertical="center"/>
    </xf>
    <xf numFmtId="165" fontId="5" fillId="2" borderId="12" xfId="1" applyNumberFormat="1" applyFont="1" applyFill="1" applyBorder="1" applyAlignment="1">
      <alignment horizontal="left" vertical="center"/>
    </xf>
    <xf numFmtId="165" fontId="5" fillId="2" borderId="12" xfId="5" applyNumberFormat="1" applyFont="1" applyFill="1" applyBorder="1" applyAlignment="1">
      <alignment horizontal="left" vertical="center"/>
    </xf>
    <xf numFmtId="165" fontId="5" fillId="2" borderId="1" xfId="5" applyNumberFormat="1" applyFont="1" applyFill="1" applyBorder="1" applyAlignment="1">
      <alignment horizontal="right" vertical="center"/>
    </xf>
    <xf numFmtId="165" fontId="5" fillId="2" borderId="1" xfId="1" applyNumberFormat="1" applyFont="1" applyFill="1" applyBorder="1" applyAlignment="1">
      <alignment horizontal="left" vertical="center"/>
    </xf>
    <xf numFmtId="165" fontId="5" fillId="0" borderId="10" xfId="2"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4" fillId="0" borderId="3"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2" xfId="5" applyNumberFormat="1" applyFont="1" applyFill="1" applyBorder="1" applyAlignment="1">
      <alignment horizontal="right" vertical="center" wrapText="1"/>
    </xf>
    <xf numFmtId="165" fontId="4" fillId="0" borderId="3" xfId="5" applyNumberFormat="1" applyFont="1" applyFill="1" applyBorder="1" applyAlignment="1">
      <alignment horizontal="right" vertical="center" wrapText="1"/>
    </xf>
    <xf numFmtId="165" fontId="4" fillId="0" borderId="2" xfId="5" applyNumberFormat="1" applyFont="1" applyFill="1" applyBorder="1" applyAlignment="1">
      <alignment vertical="center" wrapText="1"/>
    </xf>
    <xf numFmtId="165" fontId="4" fillId="0" borderId="2"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vertical="center" wrapText="1"/>
    </xf>
    <xf numFmtId="165" fontId="5" fillId="0" borderId="13" xfId="5" applyNumberFormat="1" applyFont="1" applyFill="1" applyBorder="1" applyAlignment="1">
      <alignment vertical="center" wrapText="1"/>
    </xf>
    <xf numFmtId="165" fontId="5" fillId="0" borderId="12"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9" xfId="5" applyNumberFormat="1" applyFont="1" applyFill="1" applyBorder="1" applyAlignment="1">
      <alignment horizontal="right" vertical="center" wrapText="1"/>
    </xf>
    <xf numFmtId="165" fontId="5" fillId="2" borderId="10" xfId="5" applyNumberFormat="1" applyFont="1" applyFill="1" applyBorder="1" applyAlignment="1">
      <alignment horizontal="left" vertical="center" wrapText="1"/>
    </xf>
    <xf numFmtId="165" fontId="5" fillId="2" borderId="5" xfId="5" applyNumberFormat="1" applyFont="1" applyFill="1" applyBorder="1" applyAlignment="1">
      <alignment horizontal="right" vertical="center"/>
    </xf>
    <xf numFmtId="165" fontId="5" fillId="0" borderId="14"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xf>
    <xf numFmtId="165" fontId="5" fillId="0" borderId="12" xfId="5" applyNumberFormat="1" applyFont="1" applyFill="1" applyBorder="1" applyAlignment="1">
      <alignment horizontal="right" vertical="center"/>
    </xf>
    <xf numFmtId="165" fontId="5" fillId="2" borderId="12" xfId="5" applyNumberFormat="1" applyFont="1" applyFill="1" applyBorder="1" applyAlignment="1">
      <alignment horizontal="right" vertical="center"/>
    </xf>
    <xf numFmtId="165" fontId="5" fillId="2" borderId="13"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4" fillId="0" borderId="0" xfId="1" applyNumberFormat="1" applyFont="1" applyFill="1" applyBorder="1" applyAlignment="1">
      <alignment horizontal="center" vertical="center"/>
    </xf>
    <xf numFmtId="165" fontId="5" fillId="0" borderId="5" xfId="1" applyNumberFormat="1" applyFont="1" applyFill="1" applyBorder="1" applyAlignment="1">
      <alignment horizontal="center" vertical="center"/>
    </xf>
    <xf numFmtId="165" fontId="5" fillId="0" borderId="5" xfId="2" applyNumberFormat="1" applyFont="1" applyFill="1" applyBorder="1" applyAlignment="1">
      <alignment vertical="center"/>
    </xf>
    <xf numFmtId="0" fontId="5" fillId="0" borderId="5" xfId="1" applyFont="1" applyFill="1" applyBorder="1" applyAlignment="1">
      <alignment horizontal="left" vertical="center"/>
    </xf>
    <xf numFmtId="165" fontId="5" fillId="0" borderId="5" xfId="1" applyNumberFormat="1" applyFont="1" applyFill="1" applyBorder="1" applyAlignment="1">
      <alignment horizontal="right" vertical="center"/>
    </xf>
    <xf numFmtId="165" fontId="0" fillId="0" borderId="5" xfId="0" applyNumberFormat="1" applyFill="1" applyBorder="1"/>
    <xf numFmtId="165" fontId="5" fillId="0" borderId="1" xfId="5" applyNumberFormat="1" applyFont="1" applyFill="1" applyBorder="1" applyAlignment="1">
      <alignment vertical="center"/>
    </xf>
    <xf numFmtId="165" fontId="5" fillId="0" borderId="11" xfId="5" applyNumberFormat="1" applyFont="1" applyFill="1" applyBorder="1" applyAlignment="1">
      <alignment horizontal="center" vertical="center"/>
    </xf>
    <xf numFmtId="165" fontId="4" fillId="0" borderId="11"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1" xfId="5" applyNumberFormat="1" applyFont="1" applyFill="1" applyBorder="1" applyAlignment="1">
      <alignment vertical="center"/>
    </xf>
    <xf numFmtId="165" fontId="4" fillId="0" borderId="12" xfId="5" applyNumberFormat="1" applyFont="1" applyFill="1" applyBorder="1" applyAlignment="1">
      <alignment vertical="center"/>
    </xf>
    <xf numFmtId="165" fontId="4"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0" borderId="5" xfId="5" applyNumberFormat="1" applyFont="1" applyFill="1" applyBorder="1" applyAlignment="1">
      <alignment horizontal="right" vertical="center"/>
    </xf>
    <xf numFmtId="165" fontId="5" fillId="0" borderId="6" xfId="5" applyNumberFormat="1" applyFont="1" applyFill="1" applyBorder="1" applyAlignment="1">
      <alignment horizontal="center" vertical="center" wrapText="1"/>
    </xf>
    <xf numFmtId="165" fontId="4" fillId="0" borderId="2" xfId="5" applyNumberFormat="1" applyFont="1" applyFill="1" applyBorder="1" applyAlignment="1">
      <alignment vertical="center"/>
    </xf>
    <xf numFmtId="165" fontId="5" fillId="0" borderId="3" xfId="5" applyNumberFormat="1" applyFont="1" applyFill="1" applyBorder="1" applyAlignment="1">
      <alignment horizontal="center" vertical="center" wrapText="1"/>
    </xf>
    <xf numFmtId="165" fontId="5" fillId="0" borderId="8" xfId="5" applyNumberFormat="1" applyFont="1" applyFill="1" applyBorder="1" applyAlignment="1">
      <alignment vertical="center" wrapText="1"/>
    </xf>
    <xf numFmtId="165" fontId="5" fillId="0" borderId="2" xfId="5" applyNumberFormat="1" applyFont="1" applyFill="1" applyBorder="1" applyAlignment="1">
      <alignment vertical="center"/>
    </xf>
    <xf numFmtId="165" fontId="5" fillId="0" borderId="8" xfId="5" applyNumberFormat="1" applyFont="1" applyFill="1" applyBorder="1" applyAlignment="1">
      <alignment horizontal="center" vertical="center" wrapText="1"/>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0" xfId="5" applyNumberFormat="1" applyFont="1" applyFill="1" applyBorder="1" applyAlignment="1">
      <alignment horizontal="center"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4" fillId="0" borderId="15" xfId="5" applyNumberFormat="1" applyFont="1" applyFill="1" applyBorder="1" applyAlignment="1">
      <alignment horizontal="center" vertical="center"/>
    </xf>
    <xf numFmtId="165" fontId="4" fillId="0" borderId="0" xfId="5" applyNumberFormat="1" applyFont="1" applyFill="1" applyAlignment="1">
      <alignment vertical="center"/>
    </xf>
    <xf numFmtId="165" fontId="4" fillId="0" borderId="13" xfId="5" applyNumberFormat="1" applyFont="1" applyFill="1" applyBorder="1" applyAlignment="1">
      <alignment vertical="center"/>
    </xf>
    <xf numFmtId="165" fontId="5" fillId="0" borderId="2" xfId="0"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19" fillId="0" borderId="2" xfId="5" applyNumberFormat="1" applyFont="1" applyFill="1" applyBorder="1" applyAlignment="1">
      <alignment vertical="center"/>
    </xf>
    <xf numFmtId="165" fontId="19" fillId="0" borderId="2" xfId="0" applyNumberFormat="1" applyFont="1" applyFill="1" applyBorder="1" applyAlignment="1">
      <alignment horizontal="center" vertical="center"/>
    </xf>
    <xf numFmtId="165" fontId="5" fillId="2" borderId="15" xfId="0" applyNumberFormat="1" applyFont="1" applyFill="1" applyBorder="1" applyAlignment="1">
      <alignment horizontal="center" vertical="center"/>
    </xf>
    <xf numFmtId="165" fontId="5" fillId="0" borderId="2" xfId="3" applyNumberFormat="1" applyFont="1" applyFill="1" applyBorder="1" applyAlignment="1">
      <alignment horizontal="center" vertical="center" wrapText="1"/>
    </xf>
    <xf numFmtId="165" fontId="4" fillId="0" borderId="2" xfId="3" applyNumberFormat="1" applyFont="1" applyFill="1" applyBorder="1" applyAlignment="1">
      <alignment horizontal="center" vertical="center" wrapText="1"/>
    </xf>
    <xf numFmtId="165" fontId="4" fillId="0" borderId="8" xfId="0" applyNumberFormat="1" applyFont="1" applyFill="1" applyBorder="1" applyAlignment="1">
      <alignment vertical="center"/>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4" fillId="2" borderId="10"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2" xfId="5" applyNumberFormat="1" applyFont="1" applyFill="1" applyBorder="1" applyAlignment="1">
      <alignment horizontal="center" vertical="center" wrapText="1"/>
    </xf>
    <xf numFmtId="165" fontId="4" fillId="3" borderId="8" xfId="5" applyNumberFormat="1" applyFont="1" applyFill="1" applyBorder="1" applyAlignment="1">
      <alignment horizontal="center" vertical="center" wrapText="1"/>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4" fillId="0" borderId="8" xfId="3" applyNumberFormat="1" applyFont="1" applyFill="1" applyBorder="1" applyAlignment="1">
      <alignment horizontal="center" vertical="center" wrapText="1"/>
    </xf>
    <xf numFmtId="165" fontId="5" fillId="0" borderId="14" xfId="5" applyNumberFormat="1" applyFont="1" applyFill="1" applyBorder="1" applyAlignment="1">
      <alignment horizontal="left"/>
    </xf>
    <xf numFmtId="165" fontId="5" fillId="0" borderId="14"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Fill="1" applyBorder="1" applyAlignment="1">
      <alignment horizontal="left"/>
    </xf>
    <xf numFmtId="165" fontId="4" fillId="0" borderId="2" xfId="5" applyNumberFormat="1" applyFont="1" applyFill="1" applyBorder="1" applyAlignment="1">
      <alignment horizontal="left" vertical="center"/>
    </xf>
    <xf numFmtId="165" fontId="5" fillId="0" borderId="2" xfId="5" applyNumberFormat="1" applyFont="1" applyFill="1" applyBorder="1" applyAlignment="1">
      <alignment horizontal="left"/>
    </xf>
    <xf numFmtId="165" fontId="5" fillId="0" borderId="2" xfId="5" applyNumberFormat="1" applyFont="1" applyFill="1" applyBorder="1" applyAlignment="1">
      <alignment horizontal="left" vertical="center"/>
    </xf>
    <xf numFmtId="165" fontId="5" fillId="0" borderId="8" xfId="5" applyNumberFormat="1" applyFont="1" applyFill="1" applyBorder="1" applyAlignment="1">
      <alignment horizontal="left" vertical="center"/>
    </xf>
    <xf numFmtId="165" fontId="4" fillId="0" borderId="2" xfId="5" applyNumberFormat="1" applyFont="1" applyBorder="1"/>
    <xf numFmtId="165" fontId="4" fillId="0" borderId="2" xfId="5" applyNumberFormat="1" applyFont="1" applyBorder="1" applyAlignment="1">
      <alignment horizontal="left" vertical="center"/>
    </xf>
    <xf numFmtId="165" fontId="4" fillId="0" borderId="8" xfId="5" applyNumberFormat="1" applyFont="1" applyBorder="1" applyAlignment="1">
      <alignment horizontal="left"/>
    </xf>
    <xf numFmtId="165" fontId="4" fillId="0" borderId="2" xfId="5" applyNumberFormat="1" applyFont="1" applyBorder="1" applyAlignment="1">
      <alignment horizontal="left"/>
    </xf>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2" xfId="5" applyNumberFormat="1" applyFont="1" applyBorder="1" applyAlignment="1">
      <alignment vertical="center"/>
    </xf>
    <xf numFmtId="165" fontId="4" fillId="0" borderId="8" xfId="5" applyNumberFormat="1" applyFont="1" applyBorder="1"/>
    <xf numFmtId="165" fontId="5" fillId="0" borderId="8" xfId="5" applyNumberFormat="1" applyFont="1" applyFill="1" applyBorder="1" applyAlignment="1">
      <alignment horizontal="right" vertical="center" wrapText="1"/>
    </xf>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wrapText="1"/>
    </xf>
    <xf numFmtId="165" fontId="4" fillId="0" borderId="8" xfId="5" applyNumberFormat="1" applyFont="1" applyFill="1" applyBorder="1" applyAlignment="1">
      <alignment horizontal="right" vertical="center"/>
    </xf>
    <xf numFmtId="165" fontId="4" fillId="0" borderId="2" xfId="5" applyNumberFormat="1" applyFont="1" applyFill="1" applyBorder="1" applyAlignment="1">
      <alignment horizontal="right" vertical="center"/>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5" fillId="0" borderId="5" xfId="1" applyNumberFormat="1" applyFont="1" applyFill="1" applyBorder="1" applyAlignment="1">
      <alignment vertical="center"/>
    </xf>
    <xf numFmtId="0" fontId="5" fillId="0" borderId="5" xfId="1" applyFont="1" applyBorder="1" applyAlignment="1">
      <alignment horizontal="left" vertical="center"/>
    </xf>
    <xf numFmtId="0" fontId="5" fillId="0" borderId="7" xfId="1" applyFont="1" applyFill="1" applyBorder="1" applyAlignment="1">
      <alignment horizontal="left" vertical="center"/>
    </xf>
    <xf numFmtId="0" fontId="4" fillId="2" borderId="7" xfId="1" applyFont="1" applyFill="1" applyBorder="1" applyAlignment="1">
      <alignment horizontal="center" vertical="top"/>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0" borderId="14" xfId="1" applyNumberFormat="1" applyFont="1" applyFill="1" applyBorder="1" applyAlignment="1">
      <alignment vertical="center"/>
    </xf>
    <xf numFmtId="165" fontId="5"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5" fillId="0" borderId="11" xfId="1" applyNumberFormat="1" applyFont="1" applyBorder="1" applyAlignment="1">
      <alignment vertical="center"/>
    </xf>
    <xf numFmtId="165" fontId="4" fillId="0" borderId="2"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0" borderId="8" xfId="1" applyNumberFormat="1" applyFont="1" applyBorder="1" applyAlignment="1">
      <alignment vertical="center"/>
    </xf>
    <xf numFmtId="165" fontId="4" fillId="0" borderId="1" xfId="1" applyNumberFormat="1" applyFont="1" applyBorder="1" applyAlignment="1">
      <alignment vertical="center"/>
    </xf>
    <xf numFmtId="165" fontId="5" fillId="2" borderId="15"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5" fillId="3" borderId="6" xfId="1" applyNumberFormat="1" applyFont="1" applyFill="1" applyBorder="1" applyAlignment="1">
      <alignment vertical="center" wrapText="1"/>
    </xf>
    <xf numFmtId="165" fontId="4" fillId="3" borderId="14" xfId="1" applyNumberFormat="1" applyFont="1" applyFill="1" applyBorder="1" applyAlignment="1">
      <alignment vertical="center"/>
    </xf>
    <xf numFmtId="165" fontId="4" fillId="3" borderId="6" xfId="1" applyNumberFormat="1" applyFont="1" applyFill="1" applyBorder="1" applyAlignment="1">
      <alignment vertical="center"/>
    </xf>
    <xf numFmtId="165" fontId="4" fillId="3" borderId="2" xfId="1" applyNumberFormat="1" applyFont="1" applyFill="1" applyBorder="1" applyAlignment="1">
      <alignment vertical="center" wrapText="1"/>
    </xf>
    <xf numFmtId="165" fontId="5" fillId="3" borderId="3" xfId="1" applyNumberFormat="1" applyFont="1" applyFill="1" applyBorder="1" applyAlignment="1">
      <alignment vertical="center" wrapText="1"/>
    </xf>
    <xf numFmtId="165" fontId="4" fillId="3" borderId="2" xfId="1" applyNumberFormat="1" applyFont="1" applyFill="1" applyBorder="1" applyAlignment="1">
      <alignment vertical="center"/>
    </xf>
    <xf numFmtId="165" fontId="4" fillId="3" borderId="3" xfId="1" applyNumberFormat="1" applyFont="1" applyFill="1" applyBorder="1" applyAlignment="1">
      <alignment vertical="center"/>
    </xf>
    <xf numFmtId="165" fontId="5" fillId="2" borderId="15" xfId="1" applyNumberFormat="1" applyFont="1" applyFill="1" applyBorder="1" applyAlignment="1">
      <alignment vertical="center" wrapText="1"/>
    </xf>
    <xf numFmtId="165" fontId="5" fillId="3" borderId="14" xfId="1" applyNumberFormat="1" applyFont="1" applyFill="1" applyBorder="1" applyAlignment="1">
      <alignment horizontal="center" vertical="center" wrapText="1"/>
    </xf>
    <xf numFmtId="165" fontId="5" fillId="3" borderId="2" xfId="1" applyNumberFormat="1" applyFont="1" applyFill="1" applyBorder="1" applyAlignment="1">
      <alignment horizontal="center" vertical="center" wrapText="1"/>
    </xf>
    <xf numFmtId="165" fontId="5" fillId="2" borderId="15" xfId="1" applyNumberFormat="1" applyFont="1" applyFill="1" applyBorder="1" applyAlignment="1">
      <alignment horizontal="center" vertical="center" wrapText="1"/>
    </xf>
    <xf numFmtId="165" fontId="5" fillId="3" borderId="2" xfId="1" applyNumberFormat="1" applyFont="1" applyFill="1" applyBorder="1" applyAlignment="1">
      <alignment horizontal="left" vertical="center"/>
    </xf>
    <xf numFmtId="165" fontId="5" fillId="0" borderId="1" xfId="1" applyNumberFormat="1" applyFont="1" applyBorder="1" applyAlignment="1">
      <alignment vertical="center"/>
    </xf>
    <xf numFmtId="165" fontId="4" fillId="0" borderId="0" xfId="5" applyNumberFormat="1" applyFont="1" applyFill="1" applyBorder="1" applyAlignment="1">
      <alignment horizontal="center" vertical="center"/>
    </xf>
    <xf numFmtId="165" fontId="5" fillId="0" borderId="5" xfId="0" applyNumberFormat="1" applyFont="1" applyFill="1" applyBorder="1" applyAlignment="1">
      <alignment vertical="center"/>
    </xf>
    <xf numFmtId="0" fontId="5" fillId="2" borderId="14" xfId="0" applyFont="1" applyFill="1" applyBorder="1" applyAlignment="1">
      <alignment horizontal="center" vertical="center"/>
    </xf>
    <xf numFmtId="165" fontId="4" fillId="0" borderId="13" xfId="0" applyNumberFormat="1" applyFont="1" applyFill="1" applyBorder="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5" fontId="5" fillId="0" borderId="9" xfId="0" applyNumberFormat="1" applyFont="1" applyFill="1" applyBorder="1" applyAlignment="1">
      <alignment vertical="center"/>
    </xf>
    <xf numFmtId="165" fontId="4" fillId="0" borderId="5" xfId="5" applyNumberFormat="1" applyFont="1" applyFill="1" applyBorder="1" applyAlignment="1">
      <alignment horizontal="center" vertical="center"/>
    </xf>
    <xf numFmtId="0" fontId="5" fillId="2" borderId="5" xfId="1" applyFont="1" applyFill="1" applyBorder="1" applyAlignment="1">
      <alignment vertical="center"/>
    </xf>
    <xf numFmtId="165" fontId="4" fillId="0" borderId="8" xfId="0" applyNumberFormat="1" applyFont="1" applyFill="1" applyBorder="1" applyAlignment="1">
      <alignment vertical="center"/>
    </xf>
    <xf numFmtId="165" fontId="4" fillId="0" borderId="2" xfId="3" applyNumberFormat="1" applyFont="1" applyFill="1" applyBorder="1" applyAlignment="1">
      <alignment horizontal="center" vertical="center"/>
    </xf>
    <xf numFmtId="165" fontId="4" fillId="0" borderId="2" xfId="5" applyNumberFormat="1" applyFont="1" applyBorder="1" applyAlignment="1"/>
    <xf numFmtId="165" fontId="5" fillId="0" borderId="12" xfId="3" applyNumberFormat="1" applyFont="1" applyFill="1" applyBorder="1" applyAlignment="1">
      <alignment horizontal="center" vertical="center"/>
    </xf>
    <xf numFmtId="165" fontId="4" fillId="0" borderId="2" xfId="3" applyNumberFormat="1" applyFont="1" applyFill="1" applyBorder="1" applyAlignment="1">
      <alignment horizontal="left" vertical="center"/>
    </xf>
    <xf numFmtId="165" fontId="4" fillId="0" borderId="8" xfId="3" applyNumberFormat="1" applyFont="1" applyFill="1" applyBorder="1" applyAlignment="1">
      <alignment horizontal="left" vertical="center"/>
    </xf>
    <xf numFmtId="165" fontId="5" fillId="0" borderId="12" xfId="3" applyNumberFormat="1" applyFont="1" applyFill="1" applyBorder="1" applyAlignment="1">
      <alignment horizontal="left" vertical="center"/>
    </xf>
    <xf numFmtId="165" fontId="5" fillId="0" borderId="8" xfId="3" applyNumberFormat="1" applyFont="1" applyFill="1" applyBorder="1" applyAlignment="1">
      <alignment horizontal="left" vertical="center"/>
    </xf>
    <xf numFmtId="0" fontId="4" fillId="0" borderId="3" xfId="1" applyFont="1" applyBorder="1" applyAlignment="1">
      <alignment horizontal="left" vertical="center" wrapText="1"/>
    </xf>
    <xf numFmtId="165" fontId="4" fillId="0" borderId="0"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43" fontId="5" fillId="0" borderId="8" xfId="5" applyFont="1" applyFill="1" applyBorder="1" applyAlignment="1">
      <alignment vertical="center"/>
    </xf>
    <xf numFmtId="0" fontId="9" fillId="0" borderId="3" xfId="0" applyNumberFormat="1" applyFont="1" applyFill="1" applyBorder="1" applyAlignment="1">
      <alignment horizontal="left" vertical="center"/>
    </xf>
    <xf numFmtId="43" fontId="4" fillId="0" borderId="0" xfId="1" applyNumberFormat="1" applyFont="1" applyAlignment="1">
      <alignment vertical="center"/>
    </xf>
    <xf numFmtId="165" fontId="5" fillId="0" borderId="0" xfId="0" applyNumberFormat="1" applyFont="1" applyFill="1" applyAlignment="1">
      <alignment vertical="center"/>
    </xf>
    <xf numFmtId="43" fontId="4" fillId="0" borderId="0" xfId="0" applyNumberFormat="1" applyFont="1" applyFill="1" applyBorder="1" applyAlignment="1">
      <alignment horizontal="center" vertical="center"/>
    </xf>
    <xf numFmtId="165" fontId="4" fillId="0" borderId="8" xfId="0" applyNumberFormat="1" applyFont="1" applyFill="1" applyBorder="1" applyAlignment="1">
      <alignment vertical="center"/>
    </xf>
    <xf numFmtId="0" fontId="5" fillId="0" borderId="3" xfId="1" applyFont="1" applyBorder="1" applyAlignment="1">
      <alignment horizontal="left" vertical="center" wrapText="1"/>
    </xf>
    <xf numFmtId="165" fontId="5" fillId="2" borderId="15" xfId="5" applyNumberFormat="1" applyFont="1" applyFill="1" applyBorder="1" applyAlignment="1">
      <alignment horizontal="center" vertical="center"/>
    </xf>
    <xf numFmtId="165" fontId="5" fillId="2" borderId="10" xfId="5" applyNumberFormat="1" applyFont="1" applyFill="1" applyBorder="1" applyAlignment="1">
      <alignment horizontal="left" vertical="center"/>
    </xf>
    <xf numFmtId="165" fontId="4" fillId="0" borderId="2" xfId="5" applyNumberFormat="1" applyFont="1" applyFill="1" applyBorder="1"/>
    <xf numFmtId="165" fontId="4" fillId="0" borderId="2" xfId="5" applyNumberFormat="1" applyFont="1" applyFill="1" applyBorder="1" applyAlignment="1"/>
    <xf numFmtId="0" fontId="5" fillId="0" borderId="3" xfId="1" applyFont="1" applyBorder="1" applyAlignment="1">
      <alignment horizontal="left" vertical="center" wrapText="1"/>
    </xf>
    <xf numFmtId="43" fontId="5" fillId="0" borderId="0" xfId="5" applyNumberFormat="1" applyFont="1" applyFill="1" applyBorder="1" applyAlignment="1">
      <alignment vertical="center"/>
    </xf>
    <xf numFmtId="165" fontId="4" fillId="0" borderId="0" xfId="0" applyNumberFormat="1" applyFont="1" applyFill="1" applyBorder="1" applyAlignment="1">
      <alignment vertical="center"/>
    </xf>
    <xf numFmtId="165" fontId="4" fillId="0" borderId="0" xfId="0" applyNumberFormat="1" applyFont="1" applyFill="1" applyAlignment="1">
      <alignment vertical="center"/>
    </xf>
    <xf numFmtId="165" fontId="4" fillId="0" borderId="14" xfId="1" applyNumberFormat="1" applyFont="1" applyFill="1" applyBorder="1" applyAlignment="1">
      <alignment vertical="center" wrapText="1"/>
    </xf>
    <xf numFmtId="0" fontId="5" fillId="2" borderId="1" xfId="0" applyFont="1" applyFill="1" applyBorder="1" applyAlignment="1">
      <alignment horizontal="center" vertical="center"/>
    </xf>
    <xf numFmtId="165" fontId="4" fillId="0" borderId="8" xfId="0" applyNumberFormat="1" applyFont="1" applyFill="1" applyBorder="1" applyAlignment="1">
      <alignment vertical="center"/>
    </xf>
    <xf numFmtId="165" fontId="4" fillId="0" borderId="8" xfId="0" applyNumberFormat="1" applyFont="1" applyFill="1" applyBorder="1" applyAlignment="1">
      <alignment horizontal="center" vertical="center"/>
    </xf>
    <xf numFmtId="165" fontId="5" fillId="0" borderId="8" xfId="0" applyNumberFormat="1" applyFont="1" applyFill="1" applyBorder="1" applyAlignment="1">
      <alignment horizontal="right" vertical="center"/>
    </xf>
    <xf numFmtId="0" fontId="5" fillId="2" borderId="13" xfId="0"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wrapText="1"/>
    </xf>
    <xf numFmtId="0" fontId="5" fillId="2" borderId="4" xfId="1" applyFont="1" applyFill="1" applyBorder="1" applyAlignment="1">
      <alignment horizontal="center" wrapText="1"/>
    </xf>
    <xf numFmtId="0" fontId="5" fillId="2" borderId="13" xfId="1" applyFont="1" applyFill="1" applyBorder="1" applyAlignment="1">
      <alignment horizontal="center" vertical="top"/>
    </xf>
    <xf numFmtId="0" fontId="5" fillId="2" borderId="2" xfId="0" applyFont="1" applyFill="1" applyBorder="1" applyAlignment="1">
      <alignment horizontal="center"/>
    </xf>
    <xf numFmtId="0" fontId="5" fillId="2" borderId="4" xfId="1" applyFont="1" applyFill="1" applyBorder="1" applyAlignment="1">
      <alignment horizontal="center"/>
    </xf>
    <xf numFmtId="0" fontId="5" fillId="2" borderId="14" xfId="1" applyFont="1" applyFill="1" applyBorder="1" applyAlignment="1">
      <alignment horizontal="center"/>
    </xf>
    <xf numFmtId="0" fontId="5" fillId="2" borderId="7" xfId="1" applyFont="1" applyFill="1" applyBorder="1" applyAlignment="1">
      <alignment horizontal="center" vertical="top"/>
    </xf>
    <xf numFmtId="0" fontId="5" fillId="0" borderId="4"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0" fontId="9" fillId="0" borderId="12" xfId="0" applyFont="1" applyFill="1" applyBorder="1" applyAlignment="1">
      <alignment horizontal="justify" vertical="center" wrapText="1"/>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4" fillId="0" borderId="0"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4" xfId="1" applyNumberFormat="1" applyFont="1" applyFill="1" applyBorder="1" applyAlignment="1">
      <alignment horizontal="center" vertical="center"/>
    </xf>
    <xf numFmtId="165" fontId="4" fillId="0" borderId="2" xfId="1" applyNumberFormat="1" applyFont="1" applyBorder="1" applyAlignment="1">
      <alignment vertical="center"/>
    </xf>
    <xf numFmtId="165" fontId="5" fillId="0" borderId="2" xfId="1" applyNumberFormat="1" applyFont="1" applyBorder="1" applyAlignment="1">
      <alignment vertical="center"/>
    </xf>
    <xf numFmtId="165" fontId="5" fillId="0" borderId="13" xfId="1" applyNumberFormat="1" applyFont="1" applyBorder="1" applyAlignment="1">
      <alignment vertical="center"/>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43" fontId="4" fillId="0" borderId="11" xfId="5" applyFont="1" applyFill="1" applyBorder="1" applyAlignment="1">
      <alignment horizontal="center" vertical="center"/>
    </xf>
    <xf numFmtId="43" fontId="4" fillId="0" borderId="4" xfId="5" applyFont="1" applyFill="1" applyBorder="1" applyAlignment="1">
      <alignment horizontal="center" vertical="center"/>
    </xf>
    <xf numFmtId="0" fontId="5" fillId="2" borderId="5" xfId="0"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49" fontId="5" fillId="0" borderId="0" xfId="0" applyNumberFormat="1" applyFont="1" applyFill="1" applyAlignment="1">
      <alignment horizontal="center" vertical="center"/>
    </xf>
    <xf numFmtId="43" fontId="5" fillId="0" borderId="10" xfId="5" applyFont="1" applyFill="1" applyBorder="1" applyAlignment="1">
      <alignment horizontal="center" vertical="center"/>
    </xf>
    <xf numFmtId="43" fontId="5" fillId="0" borderId="5" xfId="5" applyFont="1" applyFill="1" applyBorder="1" applyAlignment="1">
      <alignment horizontal="center" vertical="center"/>
    </xf>
    <xf numFmtId="43" fontId="5" fillId="2" borderId="10" xfId="5" applyFont="1" applyFill="1" applyBorder="1" applyAlignment="1">
      <alignment horizontal="center" vertical="center"/>
    </xf>
    <xf numFmtId="43" fontId="5" fillId="2" borderId="5" xfId="5" applyFont="1" applyFill="1" applyBorder="1" applyAlignment="1">
      <alignment horizontal="center"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0" fontId="4" fillId="0" borderId="0" xfId="1" applyNumberFormat="1"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4" xfId="0" applyFont="1" applyFill="1" applyBorder="1" applyAlignment="1">
      <alignment horizontal="center"/>
    </xf>
    <xf numFmtId="0" fontId="5" fillId="2" borderId="2" xfId="0" applyFont="1" applyFill="1" applyBorder="1" applyAlignment="1">
      <alignment horizont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6"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165" fontId="4" fillId="0" borderId="8"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4" fillId="0" borderId="8" xfId="5" applyNumberFormat="1" applyFont="1" applyBorder="1" applyAlignment="1">
      <alignment horizontal="center" vertical="center"/>
    </xf>
    <xf numFmtId="165" fontId="4" fillId="0" borderId="0" xfId="5" applyNumberFormat="1" applyFont="1" applyBorder="1" applyAlignment="1">
      <alignment horizontal="center" vertical="center"/>
    </xf>
    <xf numFmtId="165" fontId="4" fillId="0" borderId="1" xfId="5" applyNumberFormat="1" applyFont="1" applyBorder="1" applyAlignment="1">
      <alignment horizontal="center" vertical="center"/>
    </xf>
    <xf numFmtId="165" fontId="4" fillId="0" borderId="7" xfId="5" applyNumberFormat="1" applyFont="1" applyBorder="1" applyAlignment="1">
      <alignment horizontal="center" vertical="center"/>
    </xf>
    <xf numFmtId="165" fontId="4" fillId="0" borderId="3" xfId="5" applyNumberFormat="1" applyFont="1" applyBorder="1" applyAlignment="1">
      <alignment horizontal="center" vertical="center"/>
    </xf>
    <xf numFmtId="165" fontId="4" fillId="0" borderId="12" xfId="5" applyNumberFormat="1" applyFont="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165" fontId="5" fillId="0" borderId="11" xfId="5" applyNumberFormat="1" applyFont="1" applyBorder="1" applyAlignment="1">
      <alignment horizontal="center" vertical="center" wrapText="1"/>
    </xf>
    <xf numFmtId="165" fontId="5" fillId="0" borderId="6" xfId="5" applyNumberFormat="1" applyFont="1" applyBorder="1" applyAlignment="1">
      <alignment horizontal="center" vertical="center" wrapText="1"/>
    </xf>
    <xf numFmtId="165" fontId="5" fillId="0" borderId="4" xfId="5" applyNumberFormat="1" applyFont="1" applyBorder="1" applyAlignment="1">
      <alignment horizontal="center" vertical="center"/>
    </xf>
    <xf numFmtId="165" fontId="4" fillId="0" borderId="0"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0" fontId="4" fillId="0" borderId="0" xfId="0" applyFont="1" applyBorder="1" applyAlignment="1">
      <alignment horizontal="right" vertical="center" wrapText="1"/>
    </xf>
    <xf numFmtId="0" fontId="5" fillId="0" borderId="0" xfId="0" applyFont="1" applyBorder="1" applyAlignment="1">
      <alignment horizontal="left" vertical="center" wrapText="1"/>
    </xf>
    <xf numFmtId="0" fontId="5" fillId="0" borderId="3" xfId="0" applyFont="1" applyBorder="1" applyAlignment="1">
      <alignment horizontal="left" vertical="center" wrapText="1"/>
    </xf>
    <xf numFmtId="0" fontId="5" fillId="0" borderId="7" xfId="0" applyFont="1" applyBorder="1" applyAlignment="1">
      <alignment horizontal="left" vertical="center" wrapText="1"/>
    </xf>
    <xf numFmtId="0" fontId="5" fillId="0" borderId="12" xfId="0" applyFont="1" applyBorder="1" applyAlignment="1">
      <alignment horizontal="left"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5" fillId="0" borderId="4" xfId="0" applyFont="1" applyBorder="1" applyAlignment="1">
      <alignment horizontal="left" vertical="center" wrapText="1"/>
    </xf>
    <xf numFmtId="0" fontId="5" fillId="0" borderId="6" xfId="0" applyFont="1" applyBorder="1" applyAlignment="1">
      <alignment horizontal="left" vertical="center" wrapText="1"/>
    </xf>
    <xf numFmtId="0" fontId="5" fillId="2" borderId="11" xfId="0" applyFont="1" applyFill="1" applyBorder="1" applyAlignment="1">
      <alignment horizontal="center"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165" fontId="5" fillId="0" borderId="4"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7" xfId="0" applyFont="1" applyFill="1" applyBorder="1" applyAlignment="1">
      <alignment horizontal="center" vertical="center"/>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165" fontId="0" fillId="0" borderId="3" xfId="0" applyNumberFormat="1" applyBorder="1"/>
    <xf numFmtId="165" fontId="0" fillId="0" borderId="12" xfId="0" applyNumberFormat="1" applyBorder="1"/>
    <xf numFmtId="165" fontId="0" fillId="0" borderId="6" xfId="0" applyNumberFormat="1" applyBorder="1"/>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9" xfId="0" applyNumberFormat="1" applyFont="1" applyFill="1" applyBorder="1" applyAlignment="1">
      <alignment horizontal="center" vertical="center"/>
    </xf>
    <xf numFmtId="0" fontId="5" fillId="2" borderId="5" xfId="0" applyFont="1" applyFill="1" applyBorder="1" applyAlignment="1">
      <alignment horizontal="left" vertical="center"/>
    </xf>
    <xf numFmtId="0" fontId="5" fillId="2" borderId="9" xfId="0" applyFont="1" applyFill="1" applyBorder="1" applyAlignment="1">
      <alignment horizontal="left" vertical="center"/>
    </xf>
    <xf numFmtId="0" fontId="5" fillId="2" borderId="1" xfId="0" applyNumberFormat="1" applyFont="1" applyFill="1" applyBorder="1" applyAlignment="1">
      <alignment horizontal="center" vertical="center"/>
    </xf>
    <xf numFmtId="0" fontId="5" fillId="2" borderId="7" xfId="0" applyNumberFormat="1" applyFont="1" applyFill="1" applyBorder="1" applyAlignment="1">
      <alignment horizontal="center" vertical="center"/>
    </xf>
    <xf numFmtId="165" fontId="5" fillId="0" borderId="10" xfId="0" applyNumberFormat="1" applyFont="1" applyFill="1" applyBorder="1" applyAlignment="1">
      <alignment vertical="center"/>
    </xf>
    <xf numFmtId="165" fontId="5" fillId="0" borderId="5" xfId="0" applyNumberFormat="1" applyFont="1" applyFill="1" applyBorder="1" applyAlignment="1">
      <alignmen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13" xfId="0" applyNumberFormat="1" applyFont="1" applyFill="1" applyBorder="1" applyAlignment="1">
      <alignment horizontal="center"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0" borderId="0" xfId="1" applyFont="1" applyBorder="1" applyAlignment="1">
      <alignment horizontal="left" vertical="center" wrapText="1"/>
    </xf>
    <xf numFmtId="0" fontId="5" fillId="2" borderId="10" xfId="1" applyFont="1" applyFill="1" applyBorder="1" applyAlignment="1">
      <alignment horizontal="center" vertical="center"/>
    </xf>
    <xf numFmtId="0" fontId="5" fillId="2" borderId="5" xfId="1"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6" xfId="1" applyFont="1" applyFill="1" applyBorder="1" applyAlignment="1">
      <alignment horizontal="center" vertical="center"/>
    </xf>
    <xf numFmtId="0" fontId="5" fillId="2" borderId="9" xfId="1" applyFont="1" applyFill="1" applyBorder="1" applyAlignment="1">
      <alignment horizontal="center" vertical="center"/>
    </xf>
    <xf numFmtId="165" fontId="5" fillId="2" borderId="10" xfId="1" applyNumberFormat="1" applyFont="1" applyFill="1" applyBorder="1" applyAlignment="1">
      <alignment horizontal="right" vertical="center"/>
    </xf>
    <xf numFmtId="165" fontId="0" fillId="0" borderId="5" xfId="0" applyNumberFormat="1" applyBorder="1"/>
    <xf numFmtId="165" fontId="5" fillId="0" borderId="11" xfId="1" applyNumberFormat="1" applyFont="1" applyFill="1" applyBorder="1" applyAlignment="1">
      <alignment horizontal="center" vertical="center"/>
    </xf>
    <xf numFmtId="165" fontId="5" fillId="0" borderId="4" xfId="1" applyNumberFormat="1" applyFont="1" applyFill="1" applyBorder="1" applyAlignment="1">
      <alignment horizontal="center" vertical="center"/>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5" fillId="2" borderId="1" xfId="1" applyFont="1" applyFill="1" applyBorder="1" applyAlignment="1">
      <alignment horizontal="center" vertical="center" wrapText="1"/>
    </xf>
    <xf numFmtId="0" fontId="5" fillId="2" borderId="12" xfId="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165" fontId="5" fillId="0" borderId="11" xfId="1" applyNumberFormat="1" applyFont="1" applyFill="1" applyBorder="1" applyAlignment="1">
      <alignment horizontal="right" vertical="center"/>
    </xf>
    <xf numFmtId="165" fontId="5" fillId="0" borderId="4" xfId="1" applyNumberFormat="1" applyFont="1" applyFill="1" applyBorder="1" applyAlignment="1">
      <alignment horizontal="right" vertical="center"/>
    </xf>
    <xf numFmtId="165" fontId="5" fillId="0" borderId="1" xfId="1" applyNumberFormat="1" applyFont="1" applyFill="1" applyBorder="1" applyAlignment="1">
      <alignment horizontal="right" vertical="center"/>
    </xf>
    <xf numFmtId="165" fontId="5" fillId="0" borderId="7" xfId="1" applyNumberFormat="1" applyFont="1" applyFill="1" applyBorder="1" applyAlignment="1">
      <alignment horizontal="right" vertical="center"/>
    </xf>
    <xf numFmtId="0" fontId="5" fillId="2" borderId="3" xfId="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2" borderId="11" xfId="1" applyFont="1" applyFill="1" applyBorder="1" applyAlignment="1">
      <alignment horizontal="center" wrapText="1"/>
    </xf>
    <xf numFmtId="0" fontId="5" fillId="2" borderId="4" xfId="1" applyFont="1" applyFill="1" applyBorder="1" applyAlignment="1">
      <alignment horizontal="center" wrapText="1"/>
    </xf>
    <xf numFmtId="0" fontId="5" fillId="2" borderId="8" xfId="1" applyFont="1" applyFill="1" applyBorder="1" applyAlignment="1">
      <alignment horizontal="center" wrapText="1"/>
    </xf>
    <xf numFmtId="0" fontId="5" fillId="2" borderId="0" xfId="1" applyFont="1" applyFill="1" applyBorder="1" applyAlignment="1">
      <alignment horizontal="center" wrapText="1"/>
    </xf>
    <xf numFmtId="0" fontId="5" fillId="2" borderId="2" xfId="1" applyFont="1" applyFill="1" applyBorder="1" applyAlignment="1">
      <alignment horizontal="center" vertical="top"/>
    </xf>
    <xf numFmtId="0" fontId="5" fillId="2" borderId="13" xfId="1" applyFont="1" applyFill="1" applyBorder="1" applyAlignment="1">
      <alignment horizontal="center" vertical="top"/>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0" borderId="7" xfId="1" applyFont="1" applyBorder="1" applyAlignment="1">
      <alignment horizontal="left" vertical="center"/>
    </xf>
    <xf numFmtId="0" fontId="5" fillId="0" borderId="12" xfId="1" applyFont="1" applyBorder="1" applyAlignment="1">
      <alignment horizontal="left" vertical="center"/>
    </xf>
    <xf numFmtId="165" fontId="0" fillId="0" borderId="9" xfId="0" applyNumberFormat="1" applyBorder="1"/>
    <xf numFmtId="0" fontId="5" fillId="0" borderId="0" xfId="1" applyFont="1" applyBorder="1" applyAlignment="1">
      <alignment horizontal="left" vertical="center"/>
    </xf>
    <xf numFmtId="0" fontId="5" fillId="0" borderId="3" xfId="1" applyFont="1" applyBorder="1" applyAlignment="1">
      <alignment horizontal="left" vertical="center"/>
    </xf>
    <xf numFmtId="165" fontId="4" fillId="0" borderId="3" xfId="1" applyNumberFormat="1" applyFont="1" applyFill="1" applyBorder="1" applyAlignment="1">
      <alignment horizontal="center" vertical="center"/>
    </xf>
    <xf numFmtId="0" fontId="4" fillId="0" borderId="7" xfId="1" applyFont="1" applyFill="1" applyBorder="1" applyAlignment="1">
      <alignment horizontal="left" vertical="center"/>
    </xf>
    <xf numFmtId="165" fontId="5" fillId="2" borderId="10" xfId="5" applyNumberFormat="1" applyFont="1" applyFill="1" applyBorder="1" applyAlignment="1">
      <alignment horizontal="center" vertical="center" wrapText="1"/>
    </xf>
    <xf numFmtId="165" fontId="5" fillId="2" borderId="5" xfId="5" applyNumberFormat="1"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165" fontId="4" fillId="0" borderId="11" xfId="5"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0" fontId="4" fillId="2" borderId="10" xfId="1" applyFont="1" applyFill="1" applyBorder="1" applyAlignment="1">
      <alignment horizontal="center" vertical="center"/>
    </xf>
    <xf numFmtId="0" fontId="4" fillId="2" borderId="5" xfId="1"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165" fontId="0" fillId="0" borderId="7" xfId="0" applyNumberFormat="1" applyBorder="1"/>
    <xf numFmtId="165" fontId="0" fillId="0" borderId="0" xfId="0" applyNumberFormat="1"/>
    <xf numFmtId="165" fontId="20" fillId="0" borderId="0" xfId="0" applyNumberFormat="1" applyFont="1"/>
    <xf numFmtId="0" fontId="5" fillId="0" borderId="3" xfId="1" applyFont="1" applyBorder="1" applyAlignment="1">
      <alignment horizontal="left" vertical="center" wrapText="1"/>
    </xf>
    <xf numFmtId="0" fontId="5" fillId="0" borderId="4" xfId="1" applyFont="1" applyBorder="1" applyAlignment="1">
      <alignment horizontal="left" vertical="center"/>
    </xf>
    <xf numFmtId="0" fontId="5" fillId="0" borderId="6" xfId="1" applyFont="1" applyBorder="1" applyAlignment="1">
      <alignment horizontal="left" vertical="center"/>
    </xf>
    <xf numFmtId="0" fontId="5" fillId="2" borderId="1" xfId="1" applyFont="1" applyFill="1" applyBorder="1" applyAlignment="1">
      <alignment horizontal="center" vertical="top" wrapText="1"/>
    </xf>
    <xf numFmtId="0" fontId="5" fillId="2" borderId="12" xfId="1" applyFont="1" applyFill="1" applyBorder="1" applyAlignment="1">
      <alignment horizontal="center" vertical="top" wrapText="1"/>
    </xf>
    <xf numFmtId="0" fontId="5" fillId="2" borderId="6" xfId="1" applyFont="1" applyFill="1" applyBorder="1" applyAlignment="1">
      <alignment horizontal="center" wrapText="1"/>
    </xf>
    <xf numFmtId="0" fontId="5" fillId="2" borderId="3" xfId="1" applyFont="1" applyFill="1" applyBorder="1" applyAlignment="1">
      <alignment horizontal="center" wrapText="1"/>
    </xf>
    <xf numFmtId="165" fontId="5" fillId="0" borderId="6"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0"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7" xfId="1" applyFont="1" applyFill="1" applyBorder="1" applyAlignment="1">
      <alignment horizontal="center" vertical="top" wrapText="1"/>
    </xf>
    <xf numFmtId="165" fontId="0" fillId="0" borderId="4" xfId="0" applyNumberFormat="1" applyBorder="1"/>
    <xf numFmtId="165" fontId="5" fillId="2" borderId="5" xfId="1" applyNumberFormat="1" applyFont="1" applyFill="1" applyBorder="1" applyAlignment="1">
      <alignment horizontal="center" vertical="center"/>
    </xf>
    <xf numFmtId="165" fontId="4" fillId="0" borderId="1" xfId="1" applyNumberFormat="1" applyFont="1" applyBorder="1" applyAlignment="1">
      <alignment horizontal="center" vertical="center"/>
    </xf>
    <xf numFmtId="165" fontId="4" fillId="0" borderId="7" xfId="1" applyNumberFormat="1" applyFont="1" applyBorder="1" applyAlignment="1">
      <alignment horizontal="center" vertical="center"/>
    </xf>
    <xf numFmtId="165" fontId="4" fillId="0" borderId="11" xfId="1" applyNumberFormat="1" applyFont="1" applyBorder="1" applyAlignment="1">
      <alignment horizontal="center" vertical="center"/>
    </xf>
    <xf numFmtId="165" fontId="4" fillId="0" borderId="4" xfId="1" applyNumberFormat="1" applyFont="1" applyBorder="1" applyAlignment="1">
      <alignment horizontal="center" vertical="center"/>
    </xf>
    <xf numFmtId="0" fontId="5" fillId="0" borderId="0" xfId="1" applyNumberFormat="1" applyFont="1" applyAlignment="1">
      <alignment horizontal="center" vertical="center" wrapText="1"/>
    </xf>
    <xf numFmtId="0" fontId="0" fillId="0" borderId="3" xfId="0" applyBorder="1"/>
    <xf numFmtId="165" fontId="5" fillId="0" borderId="0" xfId="1" applyNumberFormat="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0" fillId="0" borderId="6" xfId="0" applyBorder="1"/>
    <xf numFmtId="165" fontId="4" fillId="0" borderId="8" xfId="1" applyNumberFormat="1" applyFont="1" applyFill="1" applyBorder="1" applyAlignment="1">
      <alignment horizontal="center" vertical="center" wrapText="1"/>
    </xf>
    <xf numFmtId="165" fontId="5" fillId="3" borderId="8" xfId="1" applyNumberFormat="1" applyFont="1" applyFill="1" applyBorder="1" applyAlignment="1">
      <alignment horizontal="center" vertical="center" wrapText="1"/>
    </xf>
    <xf numFmtId="165" fontId="5" fillId="3" borderId="3" xfId="1" applyNumberFormat="1" applyFont="1" applyFill="1" applyBorder="1" applyAlignment="1">
      <alignment horizontal="center" vertical="center" wrapText="1"/>
    </xf>
    <xf numFmtId="165" fontId="4" fillId="0" borderId="8" xfId="1" applyNumberFormat="1" applyFont="1" applyBorder="1" applyAlignment="1">
      <alignment horizontal="center" vertical="center"/>
    </xf>
    <xf numFmtId="165" fontId="4" fillId="0" borderId="0" xfId="1" applyNumberFormat="1" applyFont="1" applyBorder="1" applyAlignment="1">
      <alignment horizontal="center" vertical="center"/>
    </xf>
    <xf numFmtId="165" fontId="5" fillId="2" borderId="10" xfId="1" applyNumberFormat="1" applyFont="1" applyFill="1" applyBorder="1" applyAlignment="1">
      <alignment horizontal="center" vertical="center" wrapText="1"/>
    </xf>
    <xf numFmtId="165" fontId="5" fillId="2" borderId="9" xfId="1" applyNumberFormat="1" applyFont="1" applyFill="1" applyBorder="1" applyAlignment="1">
      <alignment horizontal="center" vertical="center" wrapText="1"/>
    </xf>
    <xf numFmtId="165" fontId="5" fillId="3" borderId="1" xfId="1" applyNumberFormat="1" applyFont="1" applyFill="1" applyBorder="1" applyAlignment="1">
      <alignment horizontal="center" vertical="center" wrapText="1"/>
    </xf>
    <xf numFmtId="165" fontId="5" fillId="3" borderId="12" xfId="1" applyNumberFormat="1" applyFont="1" applyFill="1" applyBorder="1" applyAlignment="1">
      <alignment horizontal="center" vertical="center" wrapText="1"/>
    </xf>
    <xf numFmtId="0" fontId="5" fillId="2" borderId="11" xfId="1" applyFont="1" applyFill="1" applyBorder="1" applyAlignment="1">
      <alignment horizontal="center" vertical="center" wrapText="1"/>
    </xf>
    <xf numFmtId="165" fontId="5" fillId="3" borderId="11" xfId="1" applyNumberFormat="1" applyFont="1" applyFill="1" applyBorder="1" applyAlignment="1">
      <alignment horizontal="center" vertical="center" wrapText="1"/>
    </xf>
    <xf numFmtId="165" fontId="5" fillId="3" borderId="6" xfId="1" applyNumberFormat="1" applyFont="1" applyFill="1" applyBorder="1" applyAlignment="1">
      <alignment horizontal="center" vertical="center" wrapText="1"/>
    </xf>
    <xf numFmtId="0" fontId="0" fillId="0" borderId="12" xfId="0" applyBorder="1"/>
    <xf numFmtId="0" fontId="0" fillId="0" borderId="9" xfId="0" applyBorder="1"/>
    <xf numFmtId="165" fontId="4" fillId="0" borderId="8" xfId="1" applyNumberFormat="1" applyFont="1" applyFill="1" applyBorder="1" applyAlignment="1">
      <alignment horizontal="right" vertical="center"/>
    </xf>
    <xf numFmtId="165" fontId="2" fillId="0" borderId="0" xfId="0" applyNumberFormat="1" applyFont="1" applyBorder="1" applyAlignment="1">
      <alignment horizontal="right"/>
    </xf>
    <xf numFmtId="165" fontId="20" fillId="0" borderId="4" xfId="0" applyNumberFormat="1" applyFont="1" applyBorder="1" applyAlignment="1">
      <alignment horizontal="right"/>
    </xf>
    <xf numFmtId="0" fontId="5" fillId="2" borderId="5" xfId="1" applyFont="1" applyFill="1" applyBorder="1" applyAlignment="1">
      <alignment vertic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165" fontId="4" fillId="0" borderId="0" xfId="1" applyNumberFormat="1" applyFont="1" applyFill="1" applyBorder="1" applyAlignment="1">
      <alignment horizontal="right" vertical="center"/>
    </xf>
    <xf numFmtId="165" fontId="0" fillId="0" borderId="5" xfId="0" applyNumberFormat="1" applyBorder="1" applyAlignment="1">
      <alignment horizontal="right"/>
    </xf>
    <xf numFmtId="165" fontId="5" fillId="0" borderId="8" xfId="1" applyNumberFormat="1" applyFont="1" applyFill="1" applyBorder="1" applyAlignment="1">
      <alignment horizontal="right" vertical="center"/>
    </xf>
    <xf numFmtId="165" fontId="20" fillId="0" borderId="0" xfId="0" applyNumberFormat="1" applyFont="1" applyBorder="1" applyAlignment="1">
      <alignment horizontal="right"/>
    </xf>
    <xf numFmtId="165" fontId="20" fillId="0" borderId="7" xfId="0" applyNumberFormat="1" applyFont="1" applyBorder="1" applyAlignment="1">
      <alignment horizontal="right"/>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4" fillId="0" borderId="1" xfId="0" applyFont="1" applyFill="1" applyBorder="1" applyAlignment="1">
      <alignment horizontal="left" vertical="center"/>
    </xf>
    <xf numFmtId="0" fontId="4" fillId="0" borderId="7" xfId="0" applyFont="1" applyFill="1" applyBorder="1" applyAlignment="1">
      <alignment horizontal="left" vertical="center"/>
    </xf>
    <xf numFmtId="0" fontId="4" fillId="0" borderId="12" xfId="0" applyFont="1" applyFill="1" applyBorder="1" applyAlignment="1">
      <alignment horizontal="left" vertical="center"/>
    </xf>
    <xf numFmtId="164" fontId="4" fillId="0" borderId="1" xfId="0" applyNumberFormat="1" applyFont="1" applyFill="1" applyBorder="1" applyAlignment="1">
      <alignment horizontal="left" vertical="center"/>
    </xf>
    <xf numFmtId="164" fontId="4" fillId="0" borderId="7" xfId="0" applyNumberFormat="1" applyFont="1" applyFill="1" applyBorder="1" applyAlignment="1">
      <alignment horizontal="left" vertical="center"/>
    </xf>
    <xf numFmtId="0" fontId="5" fillId="0" borderId="1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164" fontId="5" fillId="0" borderId="11" xfId="0" applyNumberFormat="1" applyFont="1" applyFill="1" applyBorder="1" applyAlignment="1">
      <alignment horizontal="left" vertical="center"/>
    </xf>
    <xf numFmtId="164" fontId="5" fillId="0" borderId="4" xfId="0" applyNumberFormat="1" applyFont="1" applyFill="1" applyBorder="1" applyAlignment="1">
      <alignment horizontal="left" vertical="center"/>
    </xf>
    <xf numFmtId="0" fontId="4" fillId="0" borderId="8" xfId="0" applyFont="1" applyFill="1" applyBorder="1" applyAlignment="1">
      <alignment horizontal="left" vertical="center"/>
    </xf>
    <xf numFmtId="0" fontId="4" fillId="0" borderId="0" xfId="0" applyFont="1" applyFill="1" applyAlignment="1">
      <alignment horizontal="left" vertical="center"/>
    </xf>
    <xf numFmtId="0" fontId="4" fillId="0" borderId="3" xfId="0" applyFont="1" applyFill="1" applyBorder="1" applyAlignment="1">
      <alignment horizontal="left" vertical="center"/>
    </xf>
    <xf numFmtId="0" fontId="4" fillId="0" borderId="0" xfId="0" applyFont="1" applyFill="1" applyBorder="1" applyAlignment="1">
      <alignment horizontal="left" vertical="center"/>
    </xf>
    <xf numFmtId="164" fontId="4" fillId="0" borderId="8" xfId="0" applyNumberFormat="1" applyFont="1" applyFill="1" applyBorder="1" applyAlignment="1">
      <alignment horizontal="left" vertical="center"/>
    </xf>
    <xf numFmtId="164" fontId="4" fillId="0" borderId="0" xfId="0" applyNumberFormat="1" applyFont="1" applyFill="1" applyBorder="1" applyAlignment="1">
      <alignment horizontal="left" vertical="center"/>
    </xf>
    <xf numFmtId="0" fontId="4" fillId="0" borderId="11"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164" fontId="4" fillId="0" borderId="11" xfId="0" applyNumberFormat="1" applyFont="1" applyFill="1" applyBorder="1" applyAlignment="1">
      <alignment horizontal="left" vertical="center"/>
    </xf>
    <xf numFmtId="164" fontId="4" fillId="0" borderId="4" xfId="0" applyNumberFormat="1" applyFont="1" applyFill="1" applyBorder="1" applyAlignment="1">
      <alignment horizontal="left" vertical="center"/>
    </xf>
    <xf numFmtId="0" fontId="5" fillId="2" borderId="10" xfId="0" applyFont="1" applyFill="1" applyBorder="1" applyAlignment="1">
      <alignment horizontal="left" vertical="center"/>
    </xf>
    <xf numFmtId="164" fontId="5" fillId="2" borderId="10" xfId="0" applyNumberFormat="1" applyFont="1" applyFill="1" applyBorder="1" applyAlignment="1">
      <alignment horizontal="left" vertical="center"/>
    </xf>
    <xf numFmtId="164" fontId="5" fillId="2" borderId="5" xfId="0" applyNumberFormat="1" applyFont="1" applyFill="1" applyBorder="1" applyAlignment="1">
      <alignment horizontal="left" vertical="center"/>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7" xfId="0" applyFont="1" applyFill="1" applyBorder="1" applyAlignment="1">
      <alignment horizontal="center" vertical="center"/>
    </xf>
    <xf numFmtId="165" fontId="5" fillId="0" borderId="8"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165" fontId="4" fillId="0" borderId="11" xfId="0" applyNumberFormat="1" applyFont="1" applyFill="1" applyBorder="1" applyAlignment="1">
      <alignment vertical="center"/>
    </xf>
    <xf numFmtId="165" fontId="4" fillId="0" borderId="4"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0" xfId="0" applyNumberFormat="1" applyFont="1" applyFill="1" applyBorder="1" applyAlignment="1">
      <alignment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5" xfId="5"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1</xdr:col>
      <xdr:colOff>92078</xdr:colOff>
      <xdr:row>129</xdr:row>
      <xdr:rowOff>0</xdr:rowOff>
    </xdr:from>
    <xdr:to>
      <xdr:col>3</xdr:col>
      <xdr:colOff>495302</xdr:colOff>
      <xdr:row>133</xdr:row>
      <xdr:rowOff>69850</xdr:rowOff>
    </xdr:to>
    <xdr:sp macro="" textlink="">
      <xdr:nvSpPr>
        <xdr:cNvPr id="2" name="CaixaDeTexto 1"/>
        <xdr:cNvSpPr txBox="1"/>
      </xdr:nvSpPr>
      <xdr:spPr>
        <a:xfrm>
          <a:off x="3921128" y="20402550"/>
          <a:ext cx="325119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6</xdr:col>
      <xdr:colOff>600078</xdr:colOff>
      <xdr:row>128</xdr:row>
      <xdr:rowOff>129117</xdr:rowOff>
    </xdr:from>
    <xdr:to>
      <xdr:col>9</xdr:col>
      <xdr:colOff>479427</xdr:colOff>
      <xdr:row>133</xdr:row>
      <xdr:rowOff>50800</xdr:rowOff>
    </xdr:to>
    <xdr:sp macro="" textlink="">
      <xdr:nvSpPr>
        <xdr:cNvPr id="3" name="CaixaDeTexto 2"/>
        <xdr:cNvSpPr txBox="1"/>
      </xdr:nvSpPr>
      <xdr:spPr>
        <a:xfrm>
          <a:off x="11119911" y="18861617"/>
          <a:ext cx="3943349" cy="6625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1</xdr:col>
      <xdr:colOff>0</xdr:colOff>
      <xdr:row>137</xdr:row>
      <xdr:rowOff>107497</xdr:rowOff>
    </xdr:from>
    <xdr:to>
      <xdr:col>3</xdr:col>
      <xdr:colOff>673104</xdr:colOff>
      <xdr:row>142</xdr:row>
      <xdr:rowOff>40822</xdr:rowOff>
    </xdr:to>
    <xdr:sp macro="" textlink="">
      <xdr:nvSpPr>
        <xdr:cNvPr id="4" name="CaixaDeTexto 3"/>
        <xdr:cNvSpPr txBox="1"/>
      </xdr:nvSpPr>
      <xdr:spPr>
        <a:xfrm>
          <a:off x="3823607" y="20109997"/>
          <a:ext cx="3516997" cy="68171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926196</xdr:colOff>
      <xdr:row>137</xdr:row>
      <xdr:rowOff>123371</xdr:rowOff>
    </xdr:from>
    <xdr:to>
      <xdr:col>9</xdr:col>
      <xdr:colOff>113395</xdr:colOff>
      <xdr:row>142</xdr:row>
      <xdr:rowOff>53521</xdr:rowOff>
    </xdr:to>
    <xdr:sp macro="" textlink="">
      <xdr:nvSpPr>
        <xdr:cNvPr id="5" name="CaixaDeTexto 4"/>
        <xdr:cNvSpPr txBox="1"/>
      </xdr:nvSpPr>
      <xdr:spPr>
        <a:xfrm>
          <a:off x="11430910" y="20125871"/>
          <a:ext cx="3242128" cy="6785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92078</xdr:colOff>
      <xdr:row>97</xdr:row>
      <xdr:rowOff>0</xdr:rowOff>
    </xdr:from>
    <xdr:to>
      <xdr:col>0</xdr:col>
      <xdr:colOff>3371852</xdr:colOff>
      <xdr:row>101</xdr:row>
      <xdr:rowOff>69850</xdr:rowOff>
    </xdr:to>
    <xdr:sp macro="" textlink="">
      <xdr:nvSpPr>
        <xdr:cNvPr id="2" name="CaixaDeTexto 1"/>
        <xdr:cNvSpPr txBox="1"/>
      </xdr:nvSpPr>
      <xdr:spPr>
        <a:xfrm>
          <a:off x="92078" y="1365885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0</xdr:colOff>
      <xdr:row>105</xdr:row>
      <xdr:rowOff>66675</xdr:rowOff>
    </xdr:from>
    <xdr:to>
      <xdr:col>0</xdr:col>
      <xdr:colOff>3549654</xdr:colOff>
      <xdr:row>110</xdr:row>
      <xdr:rowOff>0</xdr:rowOff>
    </xdr:to>
    <xdr:sp macro="" textlink="">
      <xdr:nvSpPr>
        <xdr:cNvPr id="4" name="CaixaDeTexto 3"/>
        <xdr:cNvSpPr txBox="1"/>
      </xdr:nvSpPr>
      <xdr:spPr>
        <a:xfrm>
          <a:off x="0" y="1486852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endParaRPr lang="pt-BR" sz="800">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711203</xdr:colOff>
      <xdr:row>105</xdr:row>
      <xdr:rowOff>82550</xdr:rowOff>
    </xdr:from>
    <xdr:to>
      <xdr:col>6</xdr:col>
      <xdr:colOff>698502</xdr:colOff>
      <xdr:row>110</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497417</xdr:colOff>
      <xdr:row>96</xdr:row>
      <xdr:rowOff>127000</xdr:rowOff>
    </xdr:from>
    <xdr:to>
      <xdr:col>6</xdr:col>
      <xdr:colOff>896862</xdr:colOff>
      <xdr:row>101</xdr:row>
      <xdr:rowOff>56243</xdr:rowOff>
    </xdr:to>
    <xdr:sp macro="" textlink="">
      <xdr:nvSpPr>
        <xdr:cNvPr id="6" name="CaixaDeTexto 5"/>
        <xdr:cNvSpPr txBox="1"/>
      </xdr:nvSpPr>
      <xdr:spPr>
        <a:xfrm>
          <a:off x="6773334" y="14160500"/>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930278</xdr:colOff>
      <xdr:row>202</xdr:row>
      <xdr:rowOff>0</xdr:rowOff>
    </xdr:from>
    <xdr:to>
      <xdr:col>0</xdr:col>
      <xdr:colOff>4210052</xdr:colOff>
      <xdr:row>206</xdr:row>
      <xdr:rowOff>69850</xdr:rowOff>
    </xdr:to>
    <xdr:sp macro="" textlink="">
      <xdr:nvSpPr>
        <xdr:cNvPr id="2" name="CaixaDeTexto 1"/>
        <xdr:cNvSpPr txBox="1"/>
      </xdr:nvSpPr>
      <xdr:spPr>
        <a:xfrm>
          <a:off x="930278" y="32927925"/>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838200</xdr:colOff>
      <xdr:row>210</xdr:row>
      <xdr:rowOff>66675</xdr:rowOff>
    </xdr:from>
    <xdr:to>
      <xdr:col>0</xdr:col>
      <xdr:colOff>4387854</xdr:colOff>
      <xdr:row>215</xdr:row>
      <xdr:rowOff>0</xdr:rowOff>
    </xdr:to>
    <xdr:sp macro="" textlink="">
      <xdr:nvSpPr>
        <xdr:cNvPr id="4" name="CaixaDeTexto 3"/>
        <xdr:cNvSpPr txBox="1"/>
      </xdr:nvSpPr>
      <xdr:spPr>
        <a:xfrm>
          <a:off x="838200" y="34137600"/>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253999</xdr:colOff>
      <xdr:row>210</xdr:row>
      <xdr:rowOff>71966</xdr:rowOff>
    </xdr:from>
    <xdr:to>
      <xdr:col>7</xdr:col>
      <xdr:colOff>38105</xdr:colOff>
      <xdr:row>215</xdr:row>
      <xdr:rowOff>2116</xdr:rowOff>
    </xdr:to>
    <xdr:sp macro="" textlink="">
      <xdr:nvSpPr>
        <xdr:cNvPr id="5" name="CaixaDeTexto 4"/>
        <xdr:cNvSpPr txBox="1"/>
      </xdr:nvSpPr>
      <xdr:spPr>
        <a:xfrm>
          <a:off x="7715249" y="34626549"/>
          <a:ext cx="4229106" cy="67098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391583</xdr:colOff>
      <xdr:row>201</xdr:row>
      <xdr:rowOff>137584</xdr:rowOff>
    </xdr:from>
    <xdr:to>
      <xdr:col>6</xdr:col>
      <xdr:colOff>939194</xdr:colOff>
      <xdr:row>206</xdr:row>
      <xdr:rowOff>66826</xdr:rowOff>
    </xdr:to>
    <xdr:sp macro="" textlink="">
      <xdr:nvSpPr>
        <xdr:cNvPr id="6" name="CaixaDeTexto 5"/>
        <xdr:cNvSpPr txBox="1"/>
      </xdr:nvSpPr>
      <xdr:spPr>
        <a:xfrm>
          <a:off x="7852833" y="33358667"/>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815978</xdr:colOff>
      <xdr:row>131</xdr:row>
      <xdr:rowOff>19050</xdr:rowOff>
    </xdr:from>
    <xdr:to>
      <xdr:col>0</xdr:col>
      <xdr:colOff>4095752</xdr:colOff>
      <xdr:row>136</xdr:row>
      <xdr:rowOff>31750</xdr:rowOff>
    </xdr:to>
    <xdr:sp macro="" textlink="">
      <xdr:nvSpPr>
        <xdr:cNvPr id="2" name="CaixaDeTexto 1"/>
        <xdr:cNvSpPr txBox="1"/>
      </xdr:nvSpPr>
      <xdr:spPr>
        <a:xfrm>
          <a:off x="815978" y="22926675"/>
          <a:ext cx="3279774"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4</xdr:col>
      <xdr:colOff>66678</xdr:colOff>
      <xdr:row>131</xdr:row>
      <xdr:rowOff>15875</xdr:rowOff>
    </xdr:from>
    <xdr:to>
      <xdr:col>7</xdr:col>
      <xdr:colOff>650877</xdr:colOff>
      <xdr:row>136</xdr:row>
      <xdr:rowOff>28575</xdr:rowOff>
    </xdr:to>
    <xdr:sp macro="" textlink="">
      <xdr:nvSpPr>
        <xdr:cNvPr id="3" name="CaixaDeTexto 2"/>
        <xdr:cNvSpPr txBox="1"/>
      </xdr:nvSpPr>
      <xdr:spPr>
        <a:xfrm>
          <a:off x="8029578" y="22828250"/>
          <a:ext cx="4060824"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723900</xdr:colOff>
      <xdr:row>139</xdr:row>
      <xdr:rowOff>104775</xdr:rowOff>
    </xdr:from>
    <xdr:to>
      <xdr:col>1</xdr:col>
      <xdr:colOff>63504</xdr:colOff>
      <xdr:row>145</xdr:row>
      <xdr:rowOff>0</xdr:rowOff>
    </xdr:to>
    <xdr:sp macro="" textlink="">
      <xdr:nvSpPr>
        <xdr:cNvPr id="4" name="CaixaDeTexto 3"/>
        <xdr:cNvSpPr txBox="1"/>
      </xdr:nvSpPr>
      <xdr:spPr>
        <a:xfrm>
          <a:off x="723900" y="24212550"/>
          <a:ext cx="3549654" cy="6953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762000</xdr:colOff>
      <xdr:row>139</xdr:row>
      <xdr:rowOff>120650</xdr:rowOff>
    </xdr:from>
    <xdr:to>
      <xdr:col>8</xdr:col>
      <xdr:colOff>0</xdr:colOff>
      <xdr:row>145</xdr:row>
      <xdr:rowOff>12700</xdr:rowOff>
    </xdr:to>
    <xdr:sp macro="" textlink="">
      <xdr:nvSpPr>
        <xdr:cNvPr id="5" name="CaixaDeTexto 4"/>
        <xdr:cNvSpPr txBox="1"/>
      </xdr:nvSpPr>
      <xdr:spPr>
        <a:xfrm>
          <a:off x="7543800" y="23999825"/>
          <a:ext cx="5019680" cy="6921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661071</xdr:colOff>
      <xdr:row>49</xdr:row>
      <xdr:rowOff>97330</xdr:rowOff>
    </xdr:from>
    <xdr:to>
      <xdr:col>1</xdr:col>
      <xdr:colOff>800101</xdr:colOff>
      <xdr:row>54</xdr:row>
      <xdr:rowOff>0</xdr:rowOff>
    </xdr:to>
    <xdr:sp macro="" textlink="">
      <xdr:nvSpPr>
        <xdr:cNvPr id="2" name="CaixaDeTexto 1"/>
        <xdr:cNvSpPr txBox="1"/>
      </xdr:nvSpPr>
      <xdr:spPr>
        <a:xfrm>
          <a:off x="1661071" y="6802930"/>
          <a:ext cx="2396580" cy="617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5</xdr:col>
      <xdr:colOff>111567</xdr:colOff>
      <xdr:row>49</xdr:row>
      <xdr:rowOff>90323</xdr:rowOff>
    </xdr:from>
    <xdr:to>
      <xdr:col>10</xdr:col>
      <xdr:colOff>361950</xdr:colOff>
      <xdr:row>54</xdr:row>
      <xdr:rowOff>0</xdr:rowOff>
    </xdr:to>
    <xdr:sp macro="" textlink="">
      <xdr:nvSpPr>
        <xdr:cNvPr id="3" name="CaixaDeTexto 2"/>
        <xdr:cNvSpPr txBox="1"/>
      </xdr:nvSpPr>
      <xdr:spPr>
        <a:xfrm>
          <a:off x="6340917" y="6795923"/>
          <a:ext cx="2488758" cy="62405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1428357</xdr:colOff>
      <xdr:row>57</xdr:row>
      <xdr:rowOff>104094</xdr:rowOff>
    </xdr:from>
    <xdr:to>
      <xdr:col>1</xdr:col>
      <xdr:colOff>803207</xdr:colOff>
      <xdr:row>62</xdr:row>
      <xdr:rowOff>53841</xdr:rowOff>
    </xdr:to>
    <xdr:sp macro="" textlink="">
      <xdr:nvSpPr>
        <xdr:cNvPr id="4" name="CaixaDeTexto 3"/>
        <xdr:cNvSpPr txBox="1"/>
      </xdr:nvSpPr>
      <xdr:spPr>
        <a:xfrm>
          <a:off x="1428357" y="7952694"/>
          <a:ext cx="2632400" cy="66412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142875</xdr:colOff>
      <xdr:row>57</xdr:row>
      <xdr:rowOff>97634</xdr:rowOff>
    </xdr:from>
    <xdr:to>
      <xdr:col>11</xdr:col>
      <xdr:colOff>228828</xdr:colOff>
      <xdr:row>62</xdr:row>
      <xdr:rowOff>44206</xdr:rowOff>
    </xdr:to>
    <xdr:sp macro="" textlink="">
      <xdr:nvSpPr>
        <xdr:cNvPr id="5" name="CaixaDeTexto 4"/>
        <xdr:cNvSpPr txBox="1"/>
      </xdr:nvSpPr>
      <xdr:spPr>
        <a:xfrm>
          <a:off x="5924550" y="7946234"/>
          <a:ext cx="3219678" cy="6609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682628</xdr:colOff>
      <xdr:row>103</xdr:row>
      <xdr:rowOff>0</xdr:rowOff>
    </xdr:from>
    <xdr:to>
      <xdr:col>0</xdr:col>
      <xdr:colOff>3962402</xdr:colOff>
      <xdr:row>107</xdr:row>
      <xdr:rowOff>69850</xdr:rowOff>
    </xdr:to>
    <xdr:sp macro="" textlink="">
      <xdr:nvSpPr>
        <xdr:cNvPr id="2" name="CaixaDeTexto 1"/>
        <xdr:cNvSpPr txBox="1"/>
      </xdr:nvSpPr>
      <xdr:spPr>
        <a:xfrm>
          <a:off x="682628" y="1535430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14401</xdr:colOff>
      <xdr:row>102</xdr:row>
      <xdr:rowOff>120650</xdr:rowOff>
    </xdr:from>
    <xdr:to>
      <xdr:col>4</xdr:col>
      <xdr:colOff>593730</xdr:colOff>
      <xdr:row>107</xdr:row>
      <xdr:rowOff>47625</xdr:rowOff>
    </xdr:to>
    <xdr:sp macro="" textlink="">
      <xdr:nvSpPr>
        <xdr:cNvPr id="3" name="CaixaDeTexto 2"/>
        <xdr:cNvSpPr txBox="1"/>
      </xdr:nvSpPr>
      <xdr:spPr>
        <a:xfrm>
          <a:off x="7086601" y="14893925"/>
          <a:ext cx="395605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590550</xdr:colOff>
      <xdr:row>111</xdr:row>
      <xdr:rowOff>66675</xdr:rowOff>
    </xdr:from>
    <xdr:to>
      <xdr:col>0</xdr:col>
      <xdr:colOff>4140204</xdr:colOff>
      <xdr:row>116</xdr:row>
      <xdr:rowOff>0</xdr:rowOff>
    </xdr:to>
    <xdr:sp macro="" textlink="">
      <xdr:nvSpPr>
        <xdr:cNvPr id="4" name="CaixaDeTexto 3"/>
        <xdr:cNvSpPr txBox="1"/>
      </xdr:nvSpPr>
      <xdr:spPr>
        <a:xfrm>
          <a:off x="590550" y="1656397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1</xdr:col>
      <xdr:colOff>647701</xdr:colOff>
      <xdr:row>111</xdr:row>
      <xdr:rowOff>111125</xdr:rowOff>
    </xdr:from>
    <xdr:to>
      <xdr:col>4</xdr:col>
      <xdr:colOff>781050</xdr:colOff>
      <xdr:row>116</xdr:row>
      <xdr:rowOff>41275</xdr:rowOff>
    </xdr:to>
    <xdr:sp macro="" textlink="">
      <xdr:nvSpPr>
        <xdr:cNvPr id="5" name="CaixaDeTexto 4"/>
        <xdr:cNvSpPr txBox="1"/>
      </xdr:nvSpPr>
      <xdr:spPr>
        <a:xfrm>
          <a:off x="6819901" y="16170275"/>
          <a:ext cx="4410074"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92078</xdr:colOff>
      <xdr:row>100</xdr:row>
      <xdr:rowOff>0</xdr:rowOff>
    </xdr:from>
    <xdr:to>
      <xdr:col>3</xdr:col>
      <xdr:colOff>495302</xdr:colOff>
      <xdr:row>104</xdr:row>
      <xdr:rowOff>69850</xdr:rowOff>
    </xdr:to>
    <xdr:sp macro="" textlink="">
      <xdr:nvSpPr>
        <xdr:cNvPr id="2" name="CaixaDeTexto 1"/>
        <xdr:cNvSpPr txBox="1"/>
      </xdr:nvSpPr>
      <xdr:spPr>
        <a:xfrm>
          <a:off x="3921128" y="19107150"/>
          <a:ext cx="30892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6</xdr:col>
      <xdr:colOff>600078</xdr:colOff>
      <xdr:row>99</xdr:row>
      <xdr:rowOff>129117</xdr:rowOff>
    </xdr:from>
    <xdr:to>
      <xdr:col>9</xdr:col>
      <xdr:colOff>479427</xdr:colOff>
      <xdr:row>104</xdr:row>
      <xdr:rowOff>50800</xdr:rowOff>
    </xdr:to>
    <xdr:sp macro="" textlink="">
      <xdr:nvSpPr>
        <xdr:cNvPr id="3" name="CaixaDeTexto 2"/>
        <xdr:cNvSpPr txBox="1"/>
      </xdr:nvSpPr>
      <xdr:spPr>
        <a:xfrm>
          <a:off x="10991853" y="19093392"/>
          <a:ext cx="3765549" cy="6360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1</xdr:col>
      <xdr:colOff>0</xdr:colOff>
      <xdr:row>108</xdr:row>
      <xdr:rowOff>107497</xdr:rowOff>
    </xdr:from>
    <xdr:to>
      <xdr:col>3</xdr:col>
      <xdr:colOff>673104</xdr:colOff>
      <xdr:row>113</xdr:row>
      <xdr:rowOff>40822</xdr:rowOff>
    </xdr:to>
    <xdr:sp macro="" textlink="">
      <xdr:nvSpPr>
        <xdr:cNvPr id="4" name="CaixaDeTexto 3"/>
        <xdr:cNvSpPr txBox="1"/>
      </xdr:nvSpPr>
      <xdr:spPr>
        <a:xfrm>
          <a:off x="3829050" y="20357647"/>
          <a:ext cx="33591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534767</xdr:colOff>
      <xdr:row>108</xdr:row>
      <xdr:rowOff>123371</xdr:rowOff>
    </xdr:from>
    <xdr:to>
      <xdr:col>9</xdr:col>
      <xdr:colOff>504825</xdr:colOff>
      <xdr:row>113</xdr:row>
      <xdr:rowOff>53521</xdr:rowOff>
    </xdr:to>
    <xdr:sp macro="" textlink="">
      <xdr:nvSpPr>
        <xdr:cNvPr id="5" name="CaixaDeTexto 4"/>
        <xdr:cNvSpPr txBox="1"/>
      </xdr:nvSpPr>
      <xdr:spPr>
        <a:xfrm>
          <a:off x="9888317" y="14896646"/>
          <a:ext cx="3284758"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911228</xdr:colOff>
      <xdr:row>180</xdr:row>
      <xdr:rowOff>47625</xdr:rowOff>
    </xdr:from>
    <xdr:to>
      <xdr:col>4</xdr:col>
      <xdr:colOff>2</xdr:colOff>
      <xdr:row>184</xdr:row>
      <xdr:rowOff>117475</xdr:rowOff>
    </xdr:to>
    <xdr:sp macro="" textlink="">
      <xdr:nvSpPr>
        <xdr:cNvPr id="2" name="CaixaDeTexto 1"/>
        <xdr:cNvSpPr txBox="1"/>
      </xdr:nvSpPr>
      <xdr:spPr>
        <a:xfrm>
          <a:off x="3940178" y="24612600"/>
          <a:ext cx="317499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81050</xdr:colOff>
      <xdr:row>188</xdr:row>
      <xdr:rowOff>104775</xdr:rowOff>
    </xdr:from>
    <xdr:to>
      <xdr:col>4</xdr:col>
      <xdr:colOff>139704</xdr:colOff>
      <xdr:row>193</xdr:row>
      <xdr:rowOff>38100</xdr:rowOff>
    </xdr:to>
    <xdr:sp macro="" textlink="">
      <xdr:nvSpPr>
        <xdr:cNvPr id="4" name="CaixaDeTexto 3"/>
        <xdr:cNvSpPr txBox="1"/>
      </xdr:nvSpPr>
      <xdr:spPr>
        <a:xfrm>
          <a:off x="3810000" y="25812750"/>
          <a:ext cx="3444879"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7</xdr:col>
      <xdr:colOff>349252</xdr:colOff>
      <xdr:row>188</xdr:row>
      <xdr:rowOff>101600</xdr:rowOff>
    </xdr:from>
    <xdr:to>
      <xdr:col>10</xdr:col>
      <xdr:colOff>142874</xdr:colOff>
      <xdr:row>193</xdr:row>
      <xdr:rowOff>31750</xdr:rowOff>
    </xdr:to>
    <xdr:sp macro="" textlink="">
      <xdr:nvSpPr>
        <xdr:cNvPr id="5" name="CaixaDeTexto 4"/>
        <xdr:cNvSpPr txBox="1"/>
      </xdr:nvSpPr>
      <xdr:spPr>
        <a:xfrm>
          <a:off x="10807702" y="25809575"/>
          <a:ext cx="3060697"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6</xdr:col>
      <xdr:colOff>1285875</xdr:colOff>
      <xdr:row>180</xdr:row>
      <xdr:rowOff>95250</xdr:rowOff>
    </xdr:from>
    <xdr:to>
      <xdr:col>10</xdr:col>
      <xdr:colOff>305253</xdr:colOff>
      <xdr:row>185</xdr:row>
      <xdr:rowOff>50951</xdr:rowOff>
    </xdr:to>
    <xdr:sp macro="" textlink="">
      <xdr:nvSpPr>
        <xdr:cNvPr id="6" name="CaixaDeTexto 5"/>
        <xdr:cNvSpPr txBox="1"/>
      </xdr:nvSpPr>
      <xdr:spPr>
        <a:xfrm>
          <a:off x="10382250" y="24660225"/>
          <a:ext cx="364852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2987678</xdr:colOff>
      <xdr:row>106</xdr:row>
      <xdr:rowOff>57150</xdr:rowOff>
    </xdr:from>
    <xdr:to>
      <xdr:col>3</xdr:col>
      <xdr:colOff>571502</xdr:colOff>
      <xdr:row>111</xdr:row>
      <xdr:rowOff>69850</xdr:rowOff>
    </xdr:to>
    <xdr:sp macro="" textlink="">
      <xdr:nvSpPr>
        <xdr:cNvPr id="2" name="CaixaDeTexto 1"/>
        <xdr:cNvSpPr txBox="1"/>
      </xdr:nvSpPr>
      <xdr:spPr>
        <a:xfrm>
          <a:off x="2987678" y="13687425"/>
          <a:ext cx="3251199"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2895600</xdr:colOff>
      <xdr:row>116</xdr:row>
      <xdr:rowOff>9525</xdr:rowOff>
    </xdr:from>
    <xdr:to>
      <xdr:col>3</xdr:col>
      <xdr:colOff>749304</xdr:colOff>
      <xdr:row>121</xdr:row>
      <xdr:rowOff>38100</xdr:rowOff>
    </xdr:to>
    <xdr:sp macro="" textlink="">
      <xdr:nvSpPr>
        <xdr:cNvPr id="4" name="CaixaDeTexto 3"/>
        <xdr:cNvSpPr txBox="1"/>
      </xdr:nvSpPr>
      <xdr:spPr>
        <a:xfrm>
          <a:off x="2895600" y="14973300"/>
          <a:ext cx="3521079" cy="6953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1225553</xdr:colOff>
      <xdr:row>116</xdr:row>
      <xdr:rowOff>25400</xdr:rowOff>
    </xdr:from>
    <xdr:to>
      <xdr:col>9</xdr:col>
      <xdr:colOff>755652</xdr:colOff>
      <xdr:row>121</xdr:row>
      <xdr:rowOff>50800</xdr:rowOff>
    </xdr:to>
    <xdr:sp macro="" textlink="">
      <xdr:nvSpPr>
        <xdr:cNvPr id="5" name="CaixaDeTexto 4"/>
        <xdr:cNvSpPr txBox="1"/>
      </xdr:nvSpPr>
      <xdr:spPr>
        <a:xfrm>
          <a:off x="10302878" y="14989175"/>
          <a:ext cx="3273424" cy="6921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6</xdr:col>
      <xdr:colOff>793750</xdr:colOff>
      <xdr:row>106</xdr:row>
      <xdr:rowOff>84667</xdr:rowOff>
    </xdr:from>
    <xdr:to>
      <xdr:col>10</xdr:col>
      <xdr:colOff>537028</xdr:colOff>
      <xdr:row>111</xdr:row>
      <xdr:rowOff>66826</xdr:rowOff>
    </xdr:to>
    <xdr:sp macro="" textlink="">
      <xdr:nvSpPr>
        <xdr:cNvPr id="6" name="CaixaDeTexto 5"/>
        <xdr:cNvSpPr txBox="1"/>
      </xdr:nvSpPr>
      <xdr:spPr>
        <a:xfrm>
          <a:off x="9376833" y="14276917"/>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158878</xdr:colOff>
      <xdr:row>77</xdr:row>
      <xdr:rowOff>133350</xdr:rowOff>
    </xdr:from>
    <xdr:to>
      <xdr:col>2</xdr:col>
      <xdr:colOff>247652</xdr:colOff>
      <xdr:row>82</xdr:row>
      <xdr:rowOff>50800</xdr:rowOff>
    </xdr:to>
    <xdr:sp macro="" textlink="">
      <xdr:nvSpPr>
        <xdr:cNvPr id="2" name="CaixaDeTexto 1"/>
        <xdr:cNvSpPr txBox="1"/>
      </xdr:nvSpPr>
      <xdr:spPr>
        <a:xfrm>
          <a:off x="1158878" y="10067925"/>
          <a:ext cx="3270249"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066800</xdr:colOff>
      <xdr:row>86</xdr:row>
      <xdr:rowOff>47625</xdr:rowOff>
    </xdr:from>
    <xdr:to>
      <xdr:col>2</xdr:col>
      <xdr:colOff>425454</xdr:colOff>
      <xdr:row>90</xdr:row>
      <xdr:rowOff>133350</xdr:rowOff>
    </xdr:to>
    <xdr:sp macro="" textlink="">
      <xdr:nvSpPr>
        <xdr:cNvPr id="4" name="CaixaDeTexto 3"/>
        <xdr:cNvSpPr txBox="1"/>
      </xdr:nvSpPr>
      <xdr:spPr>
        <a:xfrm>
          <a:off x="1066800" y="11268075"/>
          <a:ext cx="3540129" cy="657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5</xdr:col>
      <xdr:colOff>273053</xdr:colOff>
      <xdr:row>86</xdr:row>
      <xdr:rowOff>63500</xdr:rowOff>
    </xdr:from>
    <xdr:to>
      <xdr:col>7</xdr:col>
      <xdr:colOff>850902</xdr:colOff>
      <xdr:row>90</xdr:row>
      <xdr:rowOff>146050</xdr:rowOff>
    </xdr:to>
    <xdr:sp macro="" textlink="">
      <xdr:nvSpPr>
        <xdr:cNvPr id="5" name="CaixaDeTexto 4"/>
        <xdr:cNvSpPr txBox="1"/>
      </xdr:nvSpPr>
      <xdr:spPr>
        <a:xfrm>
          <a:off x="8464553" y="11283950"/>
          <a:ext cx="3282949"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5</xdr:col>
      <xdr:colOff>257175</xdr:colOff>
      <xdr:row>78</xdr:row>
      <xdr:rowOff>0</xdr:rowOff>
    </xdr:from>
    <xdr:to>
      <xdr:col>7</xdr:col>
      <xdr:colOff>1010103</xdr:colOff>
      <xdr:row>82</xdr:row>
      <xdr:rowOff>98576</xdr:rowOff>
    </xdr:to>
    <xdr:sp macro="" textlink="">
      <xdr:nvSpPr>
        <xdr:cNvPr id="6" name="CaixaDeTexto 5"/>
        <xdr:cNvSpPr txBox="1"/>
      </xdr:nvSpPr>
      <xdr:spPr>
        <a:xfrm>
          <a:off x="8029575" y="10220325"/>
          <a:ext cx="32484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1311278</xdr:colOff>
      <xdr:row>129</xdr:row>
      <xdr:rowOff>133350</xdr:rowOff>
    </xdr:from>
    <xdr:to>
      <xdr:col>0</xdr:col>
      <xdr:colOff>4591052</xdr:colOff>
      <xdr:row>134</xdr:row>
      <xdr:rowOff>50800</xdr:rowOff>
    </xdr:to>
    <xdr:sp macro="" textlink="">
      <xdr:nvSpPr>
        <xdr:cNvPr id="2" name="CaixaDeTexto 1"/>
        <xdr:cNvSpPr txBox="1"/>
      </xdr:nvSpPr>
      <xdr:spPr>
        <a:xfrm>
          <a:off x="1311278" y="19059525"/>
          <a:ext cx="3279774"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219200</xdr:colOff>
      <xdr:row>138</xdr:row>
      <xdr:rowOff>47625</xdr:rowOff>
    </xdr:from>
    <xdr:to>
      <xdr:col>1</xdr:col>
      <xdr:colOff>6354</xdr:colOff>
      <xdr:row>142</xdr:row>
      <xdr:rowOff>133350</xdr:rowOff>
    </xdr:to>
    <xdr:sp macro="" textlink="">
      <xdr:nvSpPr>
        <xdr:cNvPr id="4" name="CaixaDeTexto 3"/>
        <xdr:cNvSpPr txBox="1"/>
      </xdr:nvSpPr>
      <xdr:spPr>
        <a:xfrm>
          <a:off x="1219200" y="20259675"/>
          <a:ext cx="3540129" cy="657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1035053</xdr:colOff>
      <xdr:row>138</xdr:row>
      <xdr:rowOff>63500</xdr:rowOff>
    </xdr:from>
    <xdr:to>
      <xdr:col>7</xdr:col>
      <xdr:colOff>31752</xdr:colOff>
      <xdr:row>142</xdr:row>
      <xdr:rowOff>146050</xdr:rowOff>
    </xdr:to>
    <xdr:sp macro="" textlink="">
      <xdr:nvSpPr>
        <xdr:cNvPr id="5" name="CaixaDeTexto 4"/>
        <xdr:cNvSpPr txBox="1"/>
      </xdr:nvSpPr>
      <xdr:spPr>
        <a:xfrm>
          <a:off x="8645528" y="20275550"/>
          <a:ext cx="3292474"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825501</xdr:colOff>
      <xdr:row>129</xdr:row>
      <xdr:rowOff>127001</xdr:rowOff>
    </xdr:from>
    <xdr:to>
      <xdr:col>6</xdr:col>
      <xdr:colOff>1203779</xdr:colOff>
      <xdr:row>134</xdr:row>
      <xdr:rowOff>56243</xdr:rowOff>
    </xdr:to>
    <xdr:sp macro="" textlink="">
      <xdr:nvSpPr>
        <xdr:cNvPr id="6" name="CaixaDeTexto 5"/>
        <xdr:cNvSpPr txBox="1"/>
      </xdr:nvSpPr>
      <xdr:spPr>
        <a:xfrm>
          <a:off x="8477251" y="19822584"/>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2035178</xdr:colOff>
      <xdr:row>128</xdr:row>
      <xdr:rowOff>76200</xdr:rowOff>
    </xdr:from>
    <xdr:to>
      <xdr:col>1</xdr:col>
      <xdr:colOff>152402</xdr:colOff>
      <xdr:row>132</xdr:row>
      <xdr:rowOff>146050</xdr:rowOff>
    </xdr:to>
    <xdr:sp macro="" textlink="">
      <xdr:nvSpPr>
        <xdr:cNvPr id="2" name="CaixaDeTexto 1"/>
        <xdr:cNvSpPr txBox="1"/>
      </xdr:nvSpPr>
      <xdr:spPr>
        <a:xfrm>
          <a:off x="2035178" y="18478500"/>
          <a:ext cx="327024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943100</xdr:colOff>
      <xdr:row>136</xdr:row>
      <xdr:rowOff>142875</xdr:rowOff>
    </xdr:from>
    <xdr:to>
      <xdr:col>1</xdr:col>
      <xdr:colOff>330204</xdr:colOff>
      <xdr:row>141</xdr:row>
      <xdr:rowOff>76200</xdr:rowOff>
    </xdr:to>
    <xdr:sp macro="" textlink="">
      <xdr:nvSpPr>
        <xdr:cNvPr id="4" name="CaixaDeTexto 3"/>
        <xdr:cNvSpPr txBox="1"/>
      </xdr:nvSpPr>
      <xdr:spPr>
        <a:xfrm>
          <a:off x="1943100" y="19688175"/>
          <a:ext cx="3540129"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482603</xdr:colOff>
      <xdr:row>136</xdr:row>
      <xdr:rowOff>111125</xdr:rowOff>
    </xdr:from>
    <xdr:to>
      <xdr:col>7</xdr:col>
      <xdr:colOff>641352</xdr:colOff>
      <xdr:row>141</xdr:row>
      <xdr:rowOff>50800</xdr:rowOff>
    </xdr:to>
    <xdr:sp macro="" textlink="">
      <xdr:nvSpPr>
        <xdr:cNvPr id="5" name="CaixaDeTexto 4"/>
        <xdr:cNvSpPr txBox="1"/>
      </xdr:nvSpPr>
      <xdr:spPr>
        <a:xfrm>
          <a:off x="9369428" y="19942175"/>
          <a:ext cx="3301999"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4</xdr:col>
      <xdr:colOff>552903</xdr:colOff>
      <xdr:row>128</xdr:row>
      <xdr:rowOff>85725</xdr:rowOff>
    </xdr:from>
    <xdr:to>
      <xdr:col>7</xdr:col>
      <xdr:colOff>314325</xdr:colOff>
      <xdr:row>133</xdr:row>
      <xdr:rowOff>41426</xdr:rowOff>
    </xdr:to>
    <xdr:sp macro="" textlink="">
      <xdr:nvSpPr>
        <xdr:cNvPr id="6" name="CaixaDeTexto 5"/>
        <xdr:cNvSpPr txBox="1"/>
      </xdr:nvSpPr>
      <xdr:spPr>
        <a:xfrm>
          <a:off x="9439728" y="18773775"/>
          <a:ext cx="2904672"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92078</xdr:colOff>
      <xdr:row>51</xdr:row>
      <xdr:rowOff>0</xdr:rowOff>
    </xdr:from>
    <xdr:to>
      <xdr:col>0</xdr:col>
      <xdr:colOff>3371852</xdr:colOff>
      <xdr:row>55</xdr:row>
      <xdr:rowOff>69850</xdr:rowOff>
    </xdr:to>
    <xdr:sp macro="" textlink="">
      <xdr:nvSpPr>
        <xdr:cNvPr id="2" name="CaixaDeTexto 1"/>
        <xdr:cNvSpPr txBox="1"/>
      </xdr:nvSpPr>
      <xdr:spPr>
        <a:xfrm>
          <a:off x="92078" y="767715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0</xdr:colOff>
      <xdr:row>59</xdr:row>
      <xdr:rowOff>66675</xdr:rowOff>
    </xdr:from>
    <xdr:to>
      <xdr:col>0</xdr:col>
      <xdr:colOff>3549654</xdr:colOff>
      <xdr:row>64</xdr:row>
      <xdr:rowOff>0</xdr:rowOff>
    </xdr:to>
    <xdr:sp macro="" textlink="">
      <xdr:nvSpPr>
        <xdr:cNvPr id="4" name="CaixaDeTexto 3"/>
        <xdr:cNvSpPr txBox="1"/>
      </xdr:nvSpPr>
      <xdr:spPr>
        <a:xfrm>
          <a:off x="0" y="888682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0</xdr:colOff>
      <xdr:row>59</xdr:row>
      <xdr:rowOff>63500</xdr:rowOff>
    </xdr:from>
    <xdr:to>
      <xdr:col>6</xdr:col>
      <xdr:colOff>1085855</xdr:colOff>
      <xdr:row>64</xdr:row>
      <xdr:rowOff>3175</xdr:rowOff>
    </xdr:to>
    <xdr:sp macro="" textlink="">
      <xdr:nvSpPr>
        <xdr:cNvPr id="5" name="CaixaDeTexto 4"/>
        <xdr:cNvSpPr txBox="1"/>
      </xdr:nvSpPr>
      <xdr:spPr>
        <a:xfrm>
          <a:off x="6229350" y="9093200"/>
          <a:ext cx="3914780"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2</xdr:col>
      <xdr:colOff>895350</xdr:colOff>
      <xdr:row>51</xdr:row>
      <xdr:rowOff>9525</xdr:rowOff>
    </xdr:from>
    <xdr:to>
      <xdr:col>6</xdr:col>
      <xdr:colOff>1057728</xdr:colOff>
      <xdr:row>55</xdr:row>
      <xdr:rowOff>108101</xdr:rowOff>
    </xdr:to>
    <xdr:sp macro="" textlink="">
      <xdr:nvSpPr>
        <xdr:cNvPr id="6" name="CaixaDeTexto 5"/>
        <xdr:cNvSpPr txBox="1"/>
      </xdr:nvSpPr>
      <xdr:spPr>
        <a:xfrm>
          <a:off x="6181725" y="7896225"/>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1825628</xdr:colOff>
      <xdr:row>78</xdr:row>
      <xdr:rowOff>95250</xdr:rowOff>
    </xdr:from>
    <xdr:to>
      <xdr:col>1</xdr:col>
      <xdr:colOff>1143002</xdr:colOff>
      <xdr:row>83</xdr:row>
      <xdr:rowOff>12700</xdr:rowOff>
    </xdr:to>
    <xdr:sp macro="" textlink="">
      <xdr:nvSpPr>
        <xdr:cNvPr id="2" name="CaixaDeTexto 1"/>
        <xdr:cNvSpPr txBox="1"/>
      </xdr:nvSpPr>
      <xdr:spPr>
        <a:xfrm>
          <a:off x="1825628" y="11858625"/>
          <a:ext cx="3270249"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733551</xdr:colOff>
      <xdr:row>87</xdr:row>
      <xdr:rowOff>125941</xdr:rowOff>
    </xdr:from>
    <xdr:to>
      <xdr:col>1</xdr:col>
      <xdr:colOff>1320805</xdr:colOff>
      <xdr:row>92</xdr:row>
      <xdr:rowOff>63499</xdr:rowOff>
    </xdr:to>
    <xdr:sp macro="" textlink="">
      <xdr:nvSpPr>
        <xdr:cNvPr id="4" name="CaixaDeTexto 3"/>
        <xdr:cNvSpPr txBox="1"/>
      </xdr:nvSpPr>
      <xdr:spPr>
        <a:xfrm>
          <a:off x="1733551" y="13439774"/>
          <a:ext cx="3545421" cy="6783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1056219</xdr:colOff>
      <xdr:row>87</xdr:row>
      <xdr:rowOff>110067</xdr:rowOff>
    </xdr:from>
    <xdr:to>
      <xdr:col>7</xdr:col>
      <xdr:colOff>224368</xdr:colOff>
      <xdr:row>92</xdr:row>
      <xdr:rowOff>44450</xdr:rowOff>
    </xdr:to>
    <xdr:sp macro="" textlink="">
      <xdr:nvSpPr>
        <xdr:cNvPr id="5" name="CaixaDeTexto 4"/>
        <xdr:cNvSpPr txBox="1"/>
      </xdr:nvSpPr>
      <xdr:spPr>
        <a:xfrm>
          <a:off x="9173636" y="13423900"/>
          <a:ext cx="3094565" cy="6752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4</xdr:col>
      <xdr:colOff>624415</xdr:colOff>
      <xdr:row>78</xdr:row>
      <xdr:rowOff>148166</xdr:rowOff>
    </xdr:from>
    <xdr:to>
      <xdr:col>7</xdr:col>
      <xdr:colOff>632277</xdr:colOff>
      <xdr:row>83</xdr:row>
      <xdr:rowOff>77408</xdr:rowOff>
    </xdr:to>
    <xdr:sp macro="" textlink="">
      <xdr:nvSpPr>
        <xdr:cNvPr id="6" name="CaixaDeTexto 5"/>
        <xdr:cNvSpPr txBox="1"/>
      </xdr:nvSpPr>
      <xdr:spPr>
        <a:xfrm>
          <a:off x="8741832" y="12128499"/>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4.bin"/><Relationship Id="rId3" Type="http://schemas.openxmlformats.org/officeDocument/2006/relationships/printerSettings" Target="../printerSettings/printerSettings69.bin"/><Relationship Id="rId7" Type="http://schemas.openxmlformats.org/officeDocument/2006/relationships/printerSettings" Target="../printerSettings/printerSettings73.bin"/><Relationship Id="rId2" Type="http://schemas.openxmlformats.org/officeDocument/2006/relationships/printerSettings" Target="../printerSettings/printerSettings68.bin"/><Relationship Id="rId1" Type="http://schemas.openxmlformats.org/officeDocument/2006/relationships/printerSettings" Target="../printerSettings/printerSettings67.bin"/><Relationship Id="rId6" Type="http://schemas.openxmlformats.org/officeDocument/2006/relationships/printerSettings" Target="../printerSettings/printerSettings72.bin"/><Relationship Id="rId5" Type="http://schemas.openxmlformats.org/officeDocument/2006/relationships/printerSettings" Target="../printerSettings/printerSettings71.bin"/><Relationship Id="rId4" Type="http://schemas.openxmlformats.org/officeDocument/2006/relationships/printerSettings" Target="../printerSettings/printerSettings70.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2.bin"/><Relationship Id="rId3" Type="http://schemas.openxmlformats.org/officeDocument/2006/relationships/printerSettings" Target="../printerSettings/printerSettings77.bin"/><Relationship Id="rId7" Type="http://schemas.openxmlformats.org/officeDocument/2006/relationships/printerSettings" Target="../printerSettings/printerSettings81.bin"/><Relationship Id="rId2" Type="http://schemas.openxmlformats.org/officeDocument/2006/relationships/printerSettings" Target="../printerSettings/printerSettings76.bin"/><Relationship Id="rId1" Type="http://schemas.openxmlformats.org/officeDocument/2006/relationships/printerSettings" Target="../printerSettings/printerSettings75.bin"/><Relationship Id="rId6" Type="http://schemas.openxmlformats.org/officeDocument/2006/relationships/printerSettings" Target="../printerSettings/printerSettings80.bin"/><Relationship Id="rId5" Type="http://schemas.openxmlformats.org/officeDocument/2006/relationships/printerSettings" Target="../printerSettings/printerSettings79.bin"/><Relationship Id="rId4" Type="http://schemas.openxmlformats.org/officeDocument/2006/relationships/printerSettings" Target="../printerSettings/printerSettings78.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0.bin"/><Relationship Id="rId3" Type="http://schemas.openxmlformats.org/officeDocument/2006/relationships/printerSettings" Target="../printerSettings/printerSettings85.bin"/><Relationship Id="rId7" Type="http://schemas.openxmlformats.org/officeDocument/2006/relationships/printerSettings" Target="../printerSettings/printerSettings89.bin"/><Relationship Id="rId2" Type="http://schemas.openxmlformats.org/officeDocument/2006/relationships/printerSettings" Target="../printerSettings/printerSettings84.bin"/><Relationship Id="rId1" Type="http://schemas.openxmlformats.org/officeDocument/2006/relationships/printerSettings" Target="../printerSettings/printerSettings83.bin"/><Relationship Id="rId6" Type="http://schemas.openxmlformats.org/officeDocument/2006/relationships/printerSettings" Target="../printerSettings/printerSettings88.bin"/><Relationship Id="rId5" Type="http://schemas.openxmlformats.org/officeDocument/2006/relationships/printerSettings" Target="../printerSettings/printerSettings87.bin"/><Relationship Id="rId4" Type="http://schemas.openxmlformats.org/officeDocument/2006/relationships/printerSettings" Target="../printerSettings/printerSettings86.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93.bin"/><Relationship Id="rId7" Type="http://schemas.openxmlformats.org/officeDocument/2006/relationships/drawing" Target="../drawings/drawing13.xml"/><Relationship Id="rId2" Type="http://schemas.openxmlformats.org/officeDocument/2006/relationships/printerSettings" Target="../printerSettings/printerSettings92.bin"/><Relationship Id="rId1" Type="http://schemas.openxmlformats.org/officeDocument/2006/relationships/printerSettings" Target="../printerSettings/printerSettings91.bin"/><Relationship Id="rId6" Type="http://schemas.openxmlformats.org/officeDocument/2006/relationships/printerSettings" Target="../printerSettings/printerSettings96.bin"/><Relationship Id="rId5" Type="http://schemas.openxmlformats.org/officeDocument/2006/relationships/printerSettings" Target="../printerSettings/printerSettings95.bin"/><Relationship Id="rId4" Type="http://schemas.openxmlformats.org/officeDocument/2006/relationships/printerSettings" Target="../printerSettings/printerSettings94.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4.bin"/><Relationship Id="rId3" Type="http://schemas.openxmlformats.org/officeDocument/2006/relationships/printerSettings" Target="../printerSettings/printerSettings99.bin"/><Relationship Id="rId7" Type="http://schemas.openxmlformats.org/officeDocument/2006/relationships/printerSettings" Target="../printerSettings/printerSettings103.bin"/><Relationship Id="rId2" Type="http://schemas.openxmlformats.org/officeDocument/2006/relationships/printerSettings" Target="../printerSettings/printerSettings98.bin"/><Relationship Id="rId1" Type="http://schemas.openxmlformats.org/officeDocument/2006/relationships/printerSettings" Target="../printerSettings/printerSettings97.bin"/><Relationship Id="rId6" Type="http://schemas.openxmlformats.org/officeDocument/2006/relationships/printerSettings" Target="../printerSettings/printerSettings102.bin"/><Relationship Id="rId5" Type="http://schemas.openxmlformats.org/officeDocument/2006/relationships/printerSettings" Target="../printerSettings/printerSettings101.bin"/><Relationship Id="rId4" Type="http://schemas.openxmlformats.org/officeDocument/2006/relationships/printerSettings" Target="../printerSettings/printerSettings100.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4"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19.bin"/><Relationship Id="rId3" Type="http://schemas.openxmlformats.org/officeDocument/2006/relationships/printerSettings" Target="../printerSettings/printerSettings14.bin"/><Relationship Id="rId7" Type="http://schemas.openxmlformats.org/officeDocument/2006/relationships/printerSettings" Target="../printerSettings/printerSettings18.bin"/><Relationship Id="rId2" Type="http://schemas.openxmlformats.org/officeDocument/2006/relationships/printerSettings" Target="../printerSettings/printerSettings13.bin"/><Relationship Id="rId1" Type="http://schemas.openxmlformats.org/officeDocument/2006/relationships/printerSettings" Target="../printerSettings/printerSettings12.bin"/><Relationship Id="rId6" Type="http://schemas.openxmlformats.org/officeDocument/2006/relationships/printerSettings" Target="../printerSettings/printerSettings17.bin"/><Relationship Id="rId5" Type="http://schemas.openxmlformats.org/officeDocument/2006/relationships/printerSettings" Target="../printerSettings/printerSettings16.bin"/><Relationship Id="rId4" Type="http://schemas.openxmlformats.org/officeDocument/2006/relationships/printerSettings" Target="../printerSettings/printerSettings15.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2.bin"/><Relationship Id="rId7" Type="http://schemas.openxmlformats.org/officeDocument/2006/relationships/printerSettings" Target="../printerSettings/printerSettings26.bin"/><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 Id="rId6" Type="http://schemas.openxmlformats.org/officeDocument/2006/relationships/printerSettings" Target="../printerSettings/printerSettings25.bin"/><Relationship Id="rId5" Type="http://schemas.openxmlformats.org/officeDocument/2006/relationships/printerSettings" Target="../printerSettings/printerSettings24.bin"/><Relationship Id="rId4" Type="http://schemas.openxmlformats.org/officeDocument/2006/relationships/printerSettings" Target="../printerSettings/printerSettings23.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4.bin"/><Relationship Id="rId3" Type="http://schemas.openxmlformats.org/officeDocument/2006/relationships/printerSettings" Target="../printerSettings/printerSettings29.bin"/><Relationship Id="rId7" Type="http://schemas.openxmlformats.org/officeDocument/2006/relationships/printerSettings" Target="../printerSettings/printerSettings33.bin"/><Relationship Id="rId2" Type="http://schemas.openxmlformats.org/officeDocument/2006/relationships/printerSettings" Target="../printerSettings/printerSettings28.bin"/><Relationship Id="rId1" Type="http://schemas.openxmlformats.org/officeDocument/2006/relationships/printerSettings" Target="../printerSettings/printerSettings27.bin"/><Relationship Id="rId6" Type="http://schemas.openxmlformats.org/officeDocument/2006/relationships/printerSettings" Target="../printerSettings/printerSettings32.bin"/><Relationship Id="rId5" Type="http://schemas.openxmlformats.org/officeDocument/2006/relationships/printerSettings" Target="../printerSettings/printerSettings31.bin"/><Relationship Id="rId4" Type="http://schemas.openxmlformats.org/officeDocument/2006/relationships/printerSettings" Target="../printerSettings/printerSettings30.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2.bin"/><Relationship Id="rId3" Type="http://schemas.openxmlformats.org/officeDocument/2006/relationships/printerSettings" Target="../printerSettings/printerSettings37.bin"/><Relationship Id="rId7" Type="http://schemas.openxmlformats.org/officeDocument/2006/relationships/printerSettings" Target="../printerSettings/printerSettings41.bin"/><Relationship Id="rId2" Type="http://schemas.openxmlformats.org/officeDocument/2006/relationships/printerSettings" Target="../printerSettings/printerSettings36.bin"/><Relationship Id="rId1" Type="http://schemas.openxmlformats.org/officeDocument/2006/relationships/printerSettings" Target="../printerSettings/printerSettings35.bin"/><Relationship Id="rId6" Type="http://schemas.openxmlformats.org/officeDocument/2006/relationships/printerSettings" Target="../printerSettings/printerSettings40.bin"/><Relationship Id="rId5" Type="http://schemas.openxmlformats.org/officeDocument/2006/relationships/printerSettings" Target="../printerSettings/printerSettings39.bin"/><Relationship Id="rId4" Type="http://schemas.openxmlformats.org/officeDocument/2006/relationships/printerSettings" Target="../printerSettings/printerSettings38.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0.bin"/><Relationship Id="rId3" Type="http://schemas.openxmlformats.org/officeDocument/2006/relationships/printerSettings" Target="../printerSettings/printerSettings45.bin"/><Relationship Id="rId7" Type="http://schemas.openxmlformats.org/officeDocument/2006/relationships/printerSettings" Target="../printerSettings/printerSettings49.bin"/><Relationship Id="rId2" Type="http://schemas.openxmlformats.org/officeDocument/2006/relationships/printerSettings" Target="../printerSettings/printerSettings44.bin"/><Relationship Id="rId1" Type="http://schemas.openxmlformats.org/officeDocument/2006/relationships/printerSettings" Target="../printerSettings/printerSettings43.bin"/><Relationship Id="rId6" Type="http://schemas.openxmlformats.org/officeDocument/2006/relationships/printerSettings" Target="../printerSettings/printerSettings48.bin"/><Relationship Id="rId5" Type="http://schemas.openxmlformats.org/officeDocument/2006/relationships/printerSettings" Target="../printerSettings/printerSettings47.bin"/><Relationship Id="rId4" Type="http://schemas.openxmlformats.org/officeDocument/2006/relationships/printerSettings" Target="../printerSettings/printerSettings46.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58.bin"/><Relationship Id="rId3" Type="http://schemas.openxmlformats.org/officeDocument/2006/relationships/printerSettings" Target="../printerSettings/printerSettings53.bin"/><Relationship Id="rId7" Type="http://schemas.openxmlformats.org/officeDocument/2006/relationships/printerSettings" Target="../printerSettings/printerSettings57.bin"/><Relationship Id="rId2" Type="http://schemas.openxmlformats.org/officeDocument/2006/relationships/printerSettings" Target="../printerSettings/printerSettings52.bin"/><Relationship Id="rId1" Type="http://schemas.openxmlformats.org/officeDocument/2006/relationships/printerSettings" Target="../printerSettings/printerSettings51.bin"/><Relationship Id="rId6" Type="http://schemas.openxmlformats.org/officeDocument/2006/relationships/printerSettings" Target="../printerSettings/printerSettings56.bin"/><Relationship Id="rId5" Type="http://schemas.openxmlformats.org/officeDocument/2006/relationships/printerSettings" Target="../printerSettings/printerSettings55.bin"/><Relationship Id="rId4" Type="http://schemas.openxmlformats.org/officeDocument/2006/relationships/printerSettings" Target="../printerSettings/printerSettings54.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6.bin"/><Relationship Id="rId3" Type="http://schemas.openxmlformats.org/officeDocument/2006/relationships/printerSettings" Target="../printerSettings/printerSettings61.bin"/><Relationship Id="rId7" Type="http://schemas.openxmlformats.org/officeDocument/2006/relationships/printerSettings" Target="../printerSettings/printerSettings65.bin"/><Relationship Id="rId2" Type="http://schemas.openxmlformats.org/officeDocument/2006/relationships/printerSettings" Target="../printerSettings/printerSettings60.bin"/><Relationship Id="rId1" Type="http://schemas.openxmlformats.org/officeDocument/2006/relationships/printerSettings" Target="../printerSettings/printerSettings59.bin"/><Relationship Id="rId6" Type="http://schemas.openxmlformats.org/officeDocument/2006/relationships/printerSettings" Target="../printerSettings/printerSettings64.bin"/><Relationship Id="rId5" Type="http://schemas.openxmlformats.org/officeDocument/2006/relationships/printerSettings" Target="../printerSettings/printerSettings63.bin"/><Relationship Id="rId4" Type="http://schemas.openxmlformats.org/officeDocument/2006/relationships/printerSettings" Target="../printerSettings/printerSettings62.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00B050"/>
    <pageSetUpPr fitToPage="1"/>
  </sheetPr>
  <dimension ref="A1:N127"/>
  <sheetViews>
    <sheetView showGridLines="0" zoomScaleNormal="100" workbookViewId="0"/>
  </sheetViews>
  <sheetFormatPr defaultRowHeight="11.25" customHeight="1" x14ac:dyDescent="0.2"/>
  <cols>
    <col min="1" max="1" width="57.42578125" style="43" customWidth="1"/>
    <col min="2" max="3" width="20.140625" style="43" bestFit="1" customWidth="1"/>
    <col min="4" max="5" width="19" style="43" bestFit="1" customWidth="1"/>
    <col min="6" max="6" width="20.140625" style="43" bestFit="1" customWidth="1"/>
    <col min="7" max="8" width="19" style="43" bestFit="1" customWidth="1"/>
    <col min="9" max="9" width="20.140625" style="43" bestFit="1" customWidth="1"/>
    <col min="10" max="10" width="19.28515625" style="43" customWidth="1"/>
    <col min="11" max="11" width="10.5703125" style="43" customWidth="1"/>
    <col min="12" max="12" width="20.140625" style="43" bestFit="1" customWidth="1"/>
    <col min="13" max="13" width="13.85546875" style="43" customWidth="1"/>
    <col min="14" max="14" width="18.5703125" style="43" customWidth="1"/>
    <col min="15" max="15" width="6.5703125" style="43" customWidth="1"/>
    <col min="16" max="17" width="15.42578125" style="43" customWidth="1"/>
    <col min="18" max="18" width="22" style="43" customWidth="1"/>
    <col min="19" max="19" width="13.42578125" style="43" customWidth="1"/>
    <col min="20" max="16384" width="9.140625" style="43"/>
  </cols>
  <sheetData>
    <row r="1" spans="1:14" s="24" customFormat="1" ht="10.5" x14ac:dyDescent="0.2">
      <c r="A1" s="296"/>
      <c r="B1" s="296"/>
      <c r="C1" s="296"/>
      <c r="D1" s="296"/>
      <c r="E1" s="296"/>
      <c r="F1" s="296"/>
      <c r="G1" s="296"/>
      <c r="H1" s="296"/>
      <c r="I1" s="296"/>
      <c r="J1" s="296"/>
      <c r="K1" s="296"/>
      <c r="L1" s="296"/>
    </row>
    <row r="2" spans="1:14" s="24" customFormat="1" ht="11.25" customHeight="1" x14ac:dyDescent="0.2">
      <c r="A2" s="751"/>
      <c r="B2" s="751"/>
      <c r="C2" s="751"/>
      <c r="D2" s="751"/>
      <c r="E2" s="751"/>
      <c r="F2" s="751"/>
      <c r="G2" s="751"/>
      <c r="H2" s="751"/>
      <c r="I2" s="751"/>
      <c r="J2" s="751"/>
      <c r="K2" s="751"/>
      <c r="L2" s="751"/>
    </row>
    <row r="3" spans="1:14" ht="11.25" customHeight="1" x14ac:dyDescent="0.2">
      <c r="A3" s="731" t="s">
        <v>640</v>
      </c>
      <c r="B3" s="731"/>
      <c r="C3" s="731"/>
      <c r="D3" s="731"/>
      <c r="E3" s="731"/>
      <c r="F3" s="731"/>
      <c r="G3" s="731"/>
      <c r="H3" s="731"/>
      <c r="I3" s="731"/>
      <c r="J3" s="731"/>
      <c r="K3" s="731"/>
      <c r="L3" s="731"/>
    </row>
    <row r="4" spans="1:14" ht="11.25" customHeight="1" x14ac:dyDescent="0.2">
      <c r="A4" s="731" t="s">
        <v>105</v>
      </c>
      <c r="B4" s="731"/>
      <c r="C4" s="731"/>
      <c r="D4" s="731"/>
      <c r="E4" s="731"/>
      <c r="F4" s="731"/>
      <c r="G4" s="731"/>
      <c r="H4" s="731"/>
      <c r="I4" s="731"/>
      <c r="J4" s="731"/>
      <c r="K4" s="731"/>
      <c r="L4" s="731"/>
    </row>
    <row r="5" spans="1:14" ht="11.25" customHeight="1" x14ac:dyDescent="0.2">
      <c r="A5" s="731" t="s">
        <v>106</v>
      </c>
      <c r="B5" s="731"/>
      <c r="C5" s="731"/>
      <c r="D5" s="731"/>
      <c r="E5" s="731"/>
      <c r="F5" s="731"/>
      <c r="G5" s="731"/>
      <c r="H5" s="731"/>
      <c r="I5" s="731"/>
      <c r="J5" s="731"/>
      <c r="K5" s="731"/>
      <c r="L5" s="731"/>
    </row>
    <row r="6" spans="1:14" ht="11.25" customHeight="1" x14ac:dyDescent="0.2">
      <c r="A6" s="731" t="s">
        <v>107</v>
      </c>
      <c r="B6" s="731"/>
      <c r="C6" s="731"/>
      <c r="D6" s="731"/>
      <c r="E6" s="731"/>
      <c r="F6" s="731"/>
      <c r="G6" s="731"/>
      <c r="H6" s="731"/>
      <c r="I6" s="731"/>
      <c r="J6" s="731"/>
      <c r="K6" s="731"/>
      <c r="L6" s="731"/>
    </row>
    <row r="7" spans="1:14" ht="11.25" customHeight="1" x14ac:dyDescent="0.2">
      <c r="A7" s="731" t="s">
        <v>641</v>
      </c>
      <c r="B7" s="731"/>
      <c r="C7" s="731"/>
      <c r="D7" s="731"/>
      <c r="E7" s="731"/>
      <c r="F7" s="731"/>
      <c r="G7" s="731"/>
      <c r="H7" s="731"/>
      <c r="I7" s="731"/>
      <c r="J7" s="731"/>
      <c r="K7" s="731"/>
      <c r="L7" s="731"/>
    </row>
    <row r="8" spans="1:14" s="24" customFormat="1" ht="11.25" customHeight="1" x14ac:dyDescent="0.2">
      <c r="A8" s="44"/>
      <c r="B8" s="44"/>
      <c r="C8" s="44"/>
      <c r="D8" s="348"/>
      <c r="E8" s="348"/>
      <c r="F8" s="44"/>
      <c r="G8" s="44"/>
      <c r="H8" s="44"/>
      <c r="I8" s="44"/>
      <c r="J8" s="44"/>
      <c r="K8" s="44"/>
    </row>
    <row r="9" spans="1:14" s="24" customFormat="1" ht="11.25" customHeight="1" x14ac:dyDescent="0.2">
      <c r="A9" s="24" t="s">
        <v>358</v>
      </c>
      <c r="B9" s="111"/>
      <c r="D9" s="311"/>
      <c r="E9" s="311"/>
      <c r="H9" s="130"/>
      <c r="I9" s="44"/>
      <c r="J9" s="130"/>
      <c r="L9" s="219">
        <v>1</v>
      </c>
    </row>
    <row r="10" spans="1:14" ht="15" customHeight="1" x14ac:dyDescent="0.2">
      <c r="A10" s="45"/>
      <c r="B10" s="736" t="s">
        <v>428</v>
      </c>
      <c r="C10" s="744"/>
      <c r="D10" s="736" t="s">
        <v>235</v>
      </c>
      <c r="E10" s="737"/>
      <c r="F10" s="740" t="s">
        <v>109</v>
      </c>
      <c r="G10" s="741"/>
      <c r="H10" s="741"/>
      <c r="I10" s="741"/>
      <c r="J10" s="741"/>
      <c r="K10" s="742"/>
      <c r="L10" s="734" t="s">
        <v>161</v>
      </c>
    </row>
    <row r="11" spans="1:14" ht="15" customHeight="1" x14ac:dyDescent="0.2">
      <c r="A11" s="684" t="s">
        <v>881</v>
      </c>
      <c r="B11" s="745"/>
      <c r="C11" s="746"/>
      <c r="D11" s="738"/>
      <c r="E11" s="739"/>
      <c r="F11" s="734" t="s">
        <v>113</v>
      </c>
      <c r="G11" s="735"/>
      <c r="H11" s="46" t="s">
        <v>114</v>
      </c>
      <c r="I11" s="734" t="s">
        <v>115</v>
      </c>
      <c r="J11" s="735"/>
      <c r="K11" s="47" t="s">
        <v>114</v>
      </c>
      <c r="L11" s="743"/>
    </row>
    <row r="12" spans="1:14" ht="15" customHeight="1" x14ac:dyDescent="0.2">
      <c r="A12" s="48"/>
      <c r="B12" s="747"/>
      <c r="C12" s="748"/>
      <c r="D12" s="732" t="s">
        <v>116</v>
      </c>
      <c r="E12" s="733"/>
      <c r="F12" s="732" t="s">
        <v>117</v>
      </c>
      <c r="G12" s="733"/>
      <c r="H12" s="403" t="s">
        <v>118</v>
      </c>
      <c r="I12" s="732" t="s">
        <v>152</v>
      </c>
      <c r="J12" s="733"/>
      <c r="K12" s="404" t="s">
        <v>153</v>
      </c>
      <c r="L12" s="404" t="s">
        <v>154</v>
      </c>
    </row>
    <row r="13" spans="1:14" ht="10.5" x14ac:dyDescent="0.2">
      <c r="A13" s="145" t="s">
        <v>359</v>
      </c>
      <c r="B13" s="718">
        <v>11877346000</v>
      </c>
      <c r="C13" s="719"/>
      <c r="D13" s="718">
        <v>11877346000</v>
      </c>
      <c r="E13" s="719"/>
      <c r="F13" s="718">
        <v>1858232663.26</v>
      </c>
      <c r="G13" s="719"/>
      <c r="H13" s="523">
        <v>15.645184229372456</v>
      </c>
      <c r="I13" s="718">
        <v>1858232663.26</v>
      </c>
      <c r="J13" s="719"/>
      <c r="K13" s="527">
        <v>15.645184229372456</v>
      </c>
      <c r="L13" s="465">
        <v>10019113336.739998</v>
      </c>
    </row>
    <row r="14" spans="1:14" ht="10.5" x14ac:dyDescent="0.2">
      <c r="A14" s="146" t="s">
        <v>8</v>
      </c>
      <c r="B14" s="720">
        <v>11167327900</v>
      </c>
      <c r="C14" s="721"/>
      <c r="D14" s="720">
        <v>11167327900</v>
      </c>
      <c r="E14" s="721"/>
      <c r="F14" s="720">
        <v>1771752953.22</v>
      </c>
      <c r="G14" s="721"/>
      <c r="H14" s="525">
        <v>15.865504882506407</v>
      </c>
      <c r="I14" s="720">
        <v>1771752953.22</v>
      </c>
      <c r="J14" s="721"/>
      <c r="K14" s="527">
        <v>15.865504882506407</v>
      </c>
      <c r="L14" s="526">
        <v>9395574946.7799988</v>
      </c>
    </row>
    <row r="15" spans="1:14" ht="10.5" x14ac:dyDescent="0.2">
      <c r="A15" s="146" t="s">
        <v>9</v>
      </c>
      <c r="B15" s="722">
        <v>7047013200</v>
      </c>
      <c r="C15" s="723"/>
      <c r="D15" s="722">
        <v>7047013200</v>
      </c>
      <c r="E15" s="723"/>
      <c r="F15" s="722">
        <v>1224456633.5500002</v>
      </c>
      <c r="G15" s="723"/>
      <c r="H15" s="524">
        <v>17.375540513390838</v>
      </c>
      <c r="I15" s="722">
        <v>1224456633.5500002</v>
      </c>
      <c r="J15" s="723"/>
      <c r="K15" s="524">
        <v>17.375540513390838</v>
      </c>
      <c r="L15" s="464">
        <v>5822556566.4499998</v>
      </c>
      <c r="M15" s="26"/>
      <c r="N15" s="55"/>
    </row>
    <row r="16" spans="1:14" ht="10.5" x14ac:dyDescent="0.2">
      <c r="A16" s="27" t="s">
        <v>10</v>
      </c>
      <c r="B16" s="722">
        <v>6687744000</v>
      </c>
      <c r="C16" s="723"/>
      <c r="D16" s="722">
        <v>6687744000</v>
      </c>
      <c r="E16" s="723"/>
      <c r="F16" s="722">
        <v>1202554591.9200001</v>
      </c>
      <c r="G16" s="723"/>
      <c r="H16" s="524">
        <v>17.981468667460955</v>
      </c>
      <c r="I16" s="722">
        <v>1202554591.9200001</v>
      </c>
      <c r="J16" s="723"/>
      <c r="K16" s="524">
        <v>17.981468667460955</v>
      </c>
      <c r="L16" s="464">
        <v>5485189408.0799999</v>
      </c>
    </row>
    <row r="17" spans="1:14" ht="10.5" x14ac:dyDescent="0.2">
      <c r="A17" s="27" t="s">
        <v>11</v>
      </c>
      <c r="B17" s="722">
        <v>359269200</v>
      </c>
      <c r="C17" s="723"/>
      <c r="D17" s="722">
        <v>359269200</v>
      </c>
      <c r="E17" s="723"/>
      <c r="F17" s="722">
        <v>21902041.629999999</v>
      </c>
      <c r="G17" s="723"/>
      <c r="H17" s="524">
        <v>6.096275892840243</v>
      </c>
      <c r="I17" s="722">
        <v>21902041.629999999</v>
      </c>
      <c r="J17" s="723"/>
      <c r="K17" s="524">
        <v>6.096275892840243</v>
      </c>
      <c r="L17" s="464">
        <v>337367158.37</v>
      </c>
    </row>
    <row r="18" spans="1:14" ht="10.5" x14ac:dyDescent="0.2">
      <c r="A18" s="27" t="s">
        <v>12</v>
      </c>
      <c r="B18" s="722">
        <v>0</v>
      </c>
      <c r="C18" s="723"/>
      <c r="D18" s="722">
        <v>0</v>
      </c>
      <c r="E18" s="723"/>
      <c r="F18" s="722">
        <v>0</v>
      </c>
      <c r="G18" s="723"/>
      <c r="H18" s="524">
        <v>0</v>
      </c>
      <c r="I18" s="722">
        <v>0</v>
      </c>
      <c r="J18" s="723"/>
      <c r="K18" s="524">
        <v>0</v>
      </c>
      <c r="L18" s="464">
        <v>0</v>
      </c>
    </row>
    <row r="19" spans="1:14" ht="10.5" x14ac:dyDescent="0.2">
      <c r="A19" s="146" t="s">
        <v>13</v>
      </c>
      <c r="B19" s="722">
        <v>388750900</v>
      </c>
      <c r="C19" s="723"/>
      <c r="D19" s="722">
        <v>388750900</v>
      </c>
      <c r="E19" s="723"/>
      <c r="F19" s="722">
        <v>29748336.109999999</v>
      </c>
      <c r="G19" s="723"/>
      <c r="H19" s="524">
        <v>7.6522873927751673</v>
      </c>
      <c r="I19" s="722">
        <v>29748336.109999999</v>
      </c>
      <c r="J19" s="723"/>
      <c r="K19" s="524">
        <v>7.6522873927751673</v>
      </c>
      <c r="L19" s="464">
        <v>359002563.88999999</v>
      </c>
      <c r="M19" s="55"/>
      <c r="N19" s="55"/>
    </row>
    <row r="20" spans="1:14" ht="10.5" x14ac:dyDescent="0.2">
      <c r="A20" s="27" t="s">
        <v>14</v>
      </c>
      <c r="B20" s="722">
        <v>388750900</v>
      </c>
      <c r="C20" s="723"/>
      <c r="D20" s="722">
        <v>388750900</v>
      </c>
      <c r="E20" s="723"/>
      <c r="F20" s="722">
        <v>29748336.109999999</v>
      </c>
      <c r="G20" s="723"/>
      <c r="H20" s="524">
        <v>7.6522873927751673</v>
      </c>
      <c r="I20" s="722">
        <v>29748336.109999999</v>
      </c>
      <c r="J20" s="723"/>
      <c r="K20" s="524">
        <v>7.6522873927751673</v>
      </c>
      <c r="L20" s="464">
        <v>359002563.88999999</v>
      </c>
    </row>
    <row r="21" spans="1:14" ht="10.5" x14ac:dyDescent="0.2">
      <c r="A21" s="27" t="s">
        <v>356</v>
      </c>
      <c r="B21" s="722">
        <v>0</v>
      </c>
      <c r="C21" s="723"/>
      <c r="D21" s="722">
        <v>0</v>
      </c>
      <c r="E21" s="723"/>
      <c r="F21" s="722">
        <v>0</v>
      </c>
      <c r="G21" s="723"/>
      <c r="H21" s="524">
        <v>0</v>
      </c>
      <c r="I21" s="722">
        <v>0</v>
      </c>
      <c r="J21" s="723"/>
      <c r="K21" s="524">
        <v>0</v>
      </c>
      <c r="L21" s="464">
        <v>0</v>
      </c>
    </row>
    <row r="22" spans="1:14" ht="10.5" x14ac:dyDescent="0.2">
      <c r="A22" s="27" t="s">
        <v>357</v>
      </c>
      <c r="B22" s="722">
        <v>0</v>
      </c>
      <c r="C22" s="723"/>
      <c r="D22" s="722">
        <v>0</v>
      </c>
      <c r="E22" s="723"/>
      <c r="F22" s="722">
        <v>0</v>
      </c>
      <c r="G22" s="723"/>
      <c r="H22" s="524">
        <v>0</v>
      </c>
      <c r="I22" s="722">
        <v>0</v>
      </c>
      <c r="J22" s="723"/>
      <c r="K22" s="524">
        <v>0</v>
      </c>
      <c r="L22" s="464">
        <v>0</v>
      </c>
    </row>
    <row r="23" spans="1:14" ht="10.5" x14ac:dyDescent="0.2">
      <c r="A23" s="146" t="s">
        <v>15</v>
      </c>
      <c r="B23" s="722">
        <v>135829800</v>
      </c>
      <c r="C23" s="723"/>
      <c r="D23" s="722">
        <v>135829800</v>
      </c>
      <c r="E23" s="723"/>
      <c r="F23" s="722">
        <v>13399177.809999999</v>
      </c>
      <c r="G23" s="723"/>
      <c r="H23" s="524">
        <v>9.8646819843657276</v>
      </c>
      <c r="I23" s="722">
        <v>13399177.809999999</v>
      </c>
      <c r="J23" s="723"/>
      <c r="K23" s="524">
        <v>9.8646819843657276</v>
      </c>
      <c r="L23" s="464">
        <v>122430622.19</v>
      </c>
    </row>
    <row r="24" spans="1:14" ht="10.5" x14ac:dyDescent="0.2">
      <c r="A24" s="27" t="s">
        <v>16</v>
      </c>
      <c r="B24" s="722">
        <v>1030600</v>
      </c>
      <c r="C24" s="723"/>
      <c r="D24" s="722">
        <v>1030600</v>
      </c>
      <c r="E24" s="723"/>
      <c r="F24" s="722">
        <v>105444.36</v>
      </c>
      <c r="G24" s="723"/>
      <c r="H24" s="524">
        <v>10.231356491364254</v>
      </c>
      <c r="I24" s="722">
        <v>105444.36</v>
      </c>
      <c r="J24" s="723"/>
      <c r="K24" s="524">
        <v>10.231356491364254</v>
      </c>
      <c r="L24" s="464">
        <v>925155.64</v>
      </c>
    </row>
    <row r="25" spans="1:14" ht="10.5" x14ac:dyDescent="0.2">
      <c r="A25" s="27" t="s">
        <v>17</v>
      </c>
      <c r="B25" s="722">
        <v>67394400</v>
      </c>
      <c r="C25" s="723"/>
      <c r="D25" s="722">
        <v>67394400</v>
      </c>
      <c r="E25" s="723"/>
      <c r="F25" s="722">
        <v>12433332.15</v>
      </c>
      <c r="G25" s="723"/>
      <c r="H25" s="524">
        <v>18.448613163704998</v>
      </c>
      <c r="I25" s="722">
        <v>12433332.15</v>
      </c>
      <c r="J25" s="723"/>
      <c r="K25" s="524">
        <v>18.448613163704998</v>
      </c>
      <c r="L25" s="464">
        <v>54961067.850000001</v>
      </c>
    </row>
    <row r="26" spans="1:14" ht="10.5" x14ac:dyDescent="0.2">
      <c r="A26" s="27" t="s">
        <v>18</v>
      </c>
      <c r="B26" s="722">
        <v>338800</v>
      </c>
      <c r="C26" s="723"/>
      <c r="D26" s="722">
        <v>338800</v>
      </c>
      <c r="E26" s="723"/>
      <c r="F26" s="722">
        <v>54671.34</v>
      </c>
      <c r="G26" s="723"/>
      <c r="H26" s="524">
        <v>16.136759149940964</v>
      </c>
      <c r="I26" s="722">
        <v>54671.34</v>
      </c>
      <c r="J26" s="723"/>
      <c r="K26" s="524">
        <v>16.136759149940964</v>
      </c>
      <c r="L26" s="464">
        <v>284128.66000000003</v>
      </c>
    </row>
    <row r="27" spans="1:14" ht="10.5" x14ac:dyDescent="0.2">
      <c r="A27" s="27" t="s">
        <v>119</v>
      </c>
      <c r="B27" s="722">
        <v>67066000</v>
      </c>
      <c r="C27" s="723"/>
      <c r="D27" s="722">
        <v>67066000</v>
      </c>
      <c r="E27" s="723"/>
      <c r="F27" s="722">
        <v>805729.96</v>
      </c>
      <c r="G27" s="723"/>
      <c r="H27" s="524">
        <v>1.2013985626099664</v>
      </c>
      <c r="I27" s="722">
        <v>805729.96</v>
      </c>
      <c r="J27" s="723"/>
      <c r="K27" s="524">
        <v>1.2013985626099664</v>
      </c>
      <c r="L27" s="464">
        <v>66260270.039999999</v>
      </c>
    </row>
    <row r="28" spans="1:14" ht="21" x14ac:dyDescent="0.2">
      <c r="A28" s="49" t="s">
        <v>369</v>
      </c>
      <c r="B28" s="722">
        <v>0</v>
      </c>
      <c r="C28" s="723"/>
      <c r="D28" s="722">
        <v>0</v>
      </c>
      <c r="E28" s="723"/>
      <c r="F28" s="722">
        <v>0</v>
      </c>
      <c r="G28" s="723"/>
      <c r="H28" s="524">
        <v>0</v>
      </c>
      <c r="I28" s="722">
        <v>0</v>
      </c>
      <c r="J28" s="723"/>
      <c r="K28" s="524">
        <v>0</v>
      </c>
      <c r="L28" s="464">
        <v>0</v>
      </c>
    </row>
    <row r="29" spans="1:14" ht="10.5" x14ac:dyDescent="0.2">
      <c r="A29" s="49" t="s">
        <v>370</v>
      </c>
      <c r="B29" s="722">
        <v>0</v>
      </c>
      <c r="C29" s="723"/>
      <c r="D29" s="722">
        <v>0</v>
      </c>
      <c r="E29" s="723"/>
      <c r="F29" s="722">
        <v>0</v>
      </c>
      <c r="G29" s="723"/>
      <c r="H29" s="524">
        <v>0</v>
      </c>
      <c r="I29" s="722">
        <v>0</v>
      </c>
      <c r="J29" s="723"/>
      <c r="K29" s="524">
        <v>0</v>
      </c>
      <c r="L29" s="464">
        <v>0</v>
      </c>
    </row>
    <row r="30" spans="1:14" ht="10.5" x14ac:dyDescent="0.2">
      <c r="A30" s="27" t="s">
        <v>19</v>
      </c>
      <c r="B30" s="722">
        <v>0</v>
      </c>
      <c r="C30" s="723"/>
      <c r="D30" s="722">
        <v>0</v>
      </c>
      <c r="E30" s="723"/>
      <c r="F30" s="722">
        <v>0</v>
      </c>
      <c r="G30" s="723"/>
      <c r="H30" s="524">
        <v>0</v>
      </c>
      <c r="I30" s="722">
        <v>0</v>
      </c>
      <c r="J30" s="723"/>
      <c r="K30" s="524">
        <v>0</v>
      </c>
      <c r="L30" s="464">
        <v>0</v>
      </c>
    </row>
    <row r="31" spans="1:14" ht="10.5" x14ac:dyDescent="0.2">
      <c r="A31" s="146" t="s">
        <v>20</v>
      </c>
      <c r="B31" s="722">
        <v>0</v>
      </c>
      <c r="C31" s="723"/>
      <c r="D31" s="722">
        <v>0</v>
      </c>
      <c r="E31" s="723"/>
      <c r="F31" s="722">
        <v>0</v>
      </c>
      <c r="G31" s="723"/>
      <c r="H31" s="524">
        <v>0</v>
      </c>
      <c r="I31" s="722">
        <v>0</v>
      </c>
      <c r="J31" s="723"/>
      <c r="K31" s="524">
        <v>0</v>
      </c>
      <c r="L31" s="464">
        <v>0</v>
      </c>
    </row>
    <row r="32" spans="1:14" ht="10.5" x14ac:dyDescent="0.2">
      <c r="A32" s="27" t="s">
        <v>21</v>
      </c>
      <c r="B32" s="722">
        <v>0</v>
      </c>
      <c r="C32" s="723"/>
      <c r="D32" s="722">
        <v>0</v>
      </c>
      <c r="E32" s="723"/>
      <c r="F32" s="722">
        <v>0</v>
      </c>
      <c r="G32" s="723"/>
      <c r="H32" s="524">
        <v>0</v>
      </c>
      <c r="I32" s="722">
        <v>0</v>
      </c>
      <c r="J32" s="723"/>
      <c r="K32" s="524">
        <v>0</v>
      </c>
      <c r="L32" s="464">
        <v>0</v>
      </c>
    </row>
    <row r="33" spans="1:14" ht="10.5" x14ac:dyDescent="0.2">
      <c r="A33" s="27" t="s">
        <v>22</v>
      </c>
      <c r="B33" s="722">
        <v>0</v>
      </c>
      <c r="C33" s="723"/>
      <c r="D33" s="722">
        <v>0</v>
      </c>
      <c r="E33" s="723"/>
      <c r="F33" s="722">
        <v>0</v>
      </c>
      <c r="G33" s="723"/>
      <c r="H33" s="524">
        <v>0</v>
      </c>
      <c r="I33" s="722">
        <v>0</v>
      </c>
      <c r="J33" s="723"/>
      <c r="K33" s="524">
        <v>0</v>
      </c>
      <c r="L33" s="464">
        <v>0</v>
      </c>
    </row>
    <row r="34" spans="1:14" ht="10.5" x14ac:dyDescent="0.2">
      <c r="A34" s="27" t="s">
        <v>23</v>
      </c>
      <c r="B34" s="722">
        <v>0</v>
      </c>
      <c r="C34" s="723"/>
      <c r="D34" s="722">
        <v>0</v>
      </c>
      <c r="E34" s="723"/>
      <c r="F34" s="722">
        <v>0</v>
      </c>
      <c r="G34" s="723"/>
      <c r="H34" s="524">
        <v>0</v>
      </c>
      <c r="I34" s="722">
        <v>0</v>
      </c>
      <c r="J34" s="723"/>
      <c r="K34" s="524">
        <v>0</v>
      </c>
      <c r="L34" s="464">
        <v>0</v>
      </c>
    </row>
    <row r="35" spans="1:14" ht="10.5" x14ac:dyDescent="0.2">
      <c r="A35" s="146" t="s">
        <v>24</v>
      </c>
      <c r="B35" s="722">
        <v>0</v>
      </c>
      <c r="C35" s="723"/>
      <c r="D35" s="722">
        <v>0</v>
      </c>
      <c r="E35" s="723"/>
      <c r="F35" s="722">
        <v>0</v>
      </c>
      <c r="G35" s="723"/>
      <c r="H35" s="524">
        <v>0</v>
      </c>
      <c r="I35" s="722">
        <v>0</v>
      </c>
      <c r="J35" s="723"/>
      <c r="K35" s="524">
        <v>0</v>
      </c>
      <c r="L35" s="464">
        <v>0</v>
      </c>
    </row>
    <row r="36" spans="1:14" ht="10.5" x14ac:dyDescent="0.2">
      <c r="A36" s="27" t="s">
        <v>371</v>
      </c>
      <c r="B36" s="722">
        <v>0</v>
      </c>
      <c r="C36" s="723"/>
      <c r="D36" s="722">
        <v>0</v>
      </c>
      <c r="E36" s="723"/>
      <c r="F36" s="722">
        <v>0</v>
      </c>
      <c r="G36" s="723"/>
      <c r="H36" s="524">
        <v>0</v>
      </c>
      <c r="I36" s="722">
        <v>0</v>
      </c>
      <c r="J36" s="723"/>
      <c r="K36" s="524">
        <v>0</v>
      </c>
      <c r="L36" s="464">
        <v>0</v>
      </c>
    </row>
    <row r="37" spans="1:14" ht="10.5" x14ac:dyDescent="0.2">
      <c r="A37" s="27" t="s">
        <v>25</v>
      </c>
      <c r="B37" s="722">
        <v>0</v>
      </c>
      <c r="C37" s="723"/>
      <c r="D37" s="722">
        <v>0</v>
      </c>
      <c r="E37" s="723"/>
      <c r="F37" s="722">
        <v>0</v>
      </c>
      <c r="G37" s="723"/>
      <c r="H37" s="524">
        <v>0</v>
      </c>
      <c r="I37" s="722">
        <v>0</v>
      </c>
      <c r="J37" s="723"/>
      <c r="K37" s="524">
        <v>0</v>
      </c>
      <c r="L37" s="464">
        <v>0</v>
      </c>
    </row>
    <row r="38" spans="1:14" ht="10.5" x14ac:dyDescent="0.2">
      <c r="A38" s="27" t="s">
        <v>26</v>
      </c>
      <c r="B38" s="722">
        <v>0</v>
      </c>
      <c r="C38" s="723"/>
      <c r="D38" s="722">
        <v>0</v>
      </c>
      <c r="E38" s="723"/>
      <c r="F38" s="722">
        <v>0</v>
      </c>
      <c r="G38" s="723"/>
      <c r="H38" s="524">
        <v>0</v>
      </c>
      <c r="I38" s="722">
        <v>0</v>
      </c>
      <c r="J38" s="723"/>
      <c r="K38" s="524">
        <v>0</v>
      </c>
      <c r="L38" s="464">
        <v>0</v>
      </c>
    </row>
    <row r="39" spans="1:14" ht="10.5" x14ac:dyDescent="0.2">
      <c r="A39" s="50" t="s">
        <v>27</v>
      </c>
      <c r="B39" s="722">
        <v>0</v>
      </c>
      <c r="C39" s="723"/>
      <c r="D39" s="722">
        <v>0</v>
      </c>
      <c r="E39" s="723"/>
      <c r="F39" s="722">
        <v>0</v>
      </c>
      <c r="G39" s="723"/>
      <c r="H39" s="524">
        <v>0</v>
      </c>
      <c r="I39" s="722">
        <v>0</v>
      </c>
      <c r="J39" s="723"/>
      <c r="K39" s="524">
        <v>0</v>
      </c>
      <c r="L39" s="464">
        <v>0</v>
      </c>
    </row>
    <row r="40" spans="1:14" ht="10.5" x14ac:dyDescent="0.2">
      <c r="A40" s="146" t="s">
        <v>28</v>
      </c>
      <c r="B40" s="722">
        <v>447593100</v>
      </c>
      <c r="C40" s="723"/>
      <c r="D40" s="722">
        <v>447593100</v>
      </c>
      <c r="E40" s="723"/>
      <c r="F40" s="722">
        <v>59484679.5</v>
      </c>
      <c r="G40" s="723"/>
      <c r="H40" s="524">
        <v>13.289900916703139</v>
      </c>
      <c r="I40" s="722">
        <v>59484679.5</v>
      </c>
      <c r="J40" s="723"/>
      <c r="K40" s="524">
        <v>13.289900916703139</v>
      </c>
      <c r="L40" s="464">
        <v>388108420.5</v>
      </c>
    </row>
    <row r="41" spans="1:14" ht="10.5" x14ac:dyDescent="0.2">
      <c r="A41" s="146" t="s">
        <v>29</v>
      </c>
      <c r="B41" s="722">
        <v>2984392800</v>
      </c>
      <c r="C41" s="723"/>
      <c r="D41" s="722">
        <v>2984392800</v>
      </c>
      <c r="E41" s="723"/>
      <c r="F41" s="722">
        <v>428321326.30000001</v>
      </c>
      <c r="G41" s="723"/>
      <c r="H41" s="524">
        <v>14.352042609806592</v>
      </c>
      <c r="I41" s="722">
        <v>428321326.30000001</v>
      </c>
      <c r="J41" s="723"/>
      <c r="K41" s="524">
        <v>14.352042609806592</v>
      </c>
      <c r="L41" s="464">
        <v>2556071473.6999998</v>
      </c>
      <c r="M41" s="55"/>
      <c r="N41" s="55"/>
    </row>
    <row r="42" spans="1:14" ht="10.5" x14ac:dyDescent="0.2">
      <c r="A42" s="27" t="s">
        <v>30</v>
      </c>
      <c r="B42" s="722">
        <v>2221812200</v>
      </c>
      <c r="C42" s="723"/>
      <c r="D42" s="722">
        <v>2221812200</v>
      </c>
      <c r="E42" s="723"/>
      <c r="F42" s="722">
        <v>378915281.02000004</v>
      </c>
      <c r="G42" s="723"/>
      <c r="H42" s="524">
        <v>17.054334341129284</v>
      </c>
      <c r="I42" s="722">
        <v>378915281.02000004</v>
      </c>
      <c r="J42" s="723"/>
      <c r="K42" s="524">
        <v>17.054334341129284</v>
      </c>
      <c r="L42" s="464">
        <v>1842896918.98</v>
      </c>
    </row>
    <row r="43" spans="1:14" ht="10.5" x14ac:dyDescent="0.2">
      <c r="A43" s="27" t="s">
        <v>31</v>
      </c>
      <c r="B43" s="722">
        <v>478545500</v>
      </c>
      <c r="C43" s="723"/>
      <c r="D43" s="722">
        <v>478545500</v>
      </c>
      <c r="E43" s="723"/>
      <c r="F43" s="722">
        <v>47382275.82</v>
      </c>
      <c r="G43" s="723"/>
      <c r="H43" s="524">
        <v>9.90131049607613</v>
      </c>
      <c r="I43" s="722">
        <v>47382275.82</v>
      </c>
      <c r="J43" s="723"/>
      <c r="K43" s="524">
        <v>9.90131049607613</v>
      </c>
      <c r="L43" s="464">
        <v>431163224.18000001</v>
      </c>
    </row>
    <row r="44" spans="1:14" ht="10.5" x14ac:dyDescent="0.2">
      <c r="A44" s="27" t="s">
        <v>32</v>
      </c>
      <c r="B44" s="722">
        <v>0</v>
      </c>
      <c r="C44" s="723"/>
      <c r="D44" s="722">
        <v>0</v>
      </c>
      <c r="E44" s="723"/>
      <c r="F44" s="722">
        <v>0</v>
      </c>
      <c r="G44" s="723"/>
      <c r="H44" s="524">
        <v>0</v>
      </c>
      <c r="I44" s="722">
        <v>0</v>
      </c>
      <c r="J44" s="723"/>
      <c r="K44" s="524">
        <v>0</v>
      </c>
      <c r="L44" s="464">
        <v>0</v>
      </c>
    </row>
    <row r="45" spans="1:14" ht="10.5" x14ac:dyDescent="0.2">
      <c r="A45" s="27" t="s">
        <v>33</v>
      </c>
      <c r="B45" s="722">
        <v>56200</v>
      </c>
      <c r="C45" s="723"/>
      <c r="D45" s="722">
        <v>56200</v>
      </c>
      <c r="E45" s="723"/>
      <c r="F45" s="722">
        <v>0</v>
      </c>
      <c r="G45" s="723"/>
      <c r="H45" s="524">
        <v>0</v>
      </c>
      <c r="I45" s="722">
        <v>0</v>
      </c>
      <c r="J45" s="723"/>
      <c r="K45" s="524">
        <v>0</v>
      </c>
      <c r="L45" s="464">
        <v>56200</v>
      </c>
    </row>
    <row r="46" spans="1:14" ht="10.5" x14ac:dyDescent="0.2">
      <c r="A46" s="27" t="s">
        <v>34</v>
      </c>
      <c r="B46" s="722">
        <v>283978900</v>
      </c>
      <c r="C46" s="723"/>
      <c r="D46" s="722">
        <v>283978900</v>
      </c>
      <c r="E46" s="723"/>
      <c r="F46" s="722">
        <v>2023769.46</v>
      </c>
      <c r="G46" s="723"/>
      <c r="H46" s="524">
        <v>0.7126478270040485</v>
      </c>
      <c r="I46" s="722">
        <v>2023769.46</v>
      </c>
      <c r="J46" s="723"/>
      <c r="K46" s="524">
        <v>0.7126478270040485</v>
      </c>
      <c r="L46" s="464">
        <v>281955130.54000002</v>
      </c>
    </row>
    <row r="47" spans="1:14" ht="10.5" x14ac:dyDescent="0.2">
      <c r="A47" s="51" t="s">
        <v>35</v>
      </c>
      <c r="B47" s="722">
        <v>0</v>
      </c>
      <c r="C47" s="723"/>
      <c r="D47" s="722">
        <v>0</v>
      </c>
      <c r="E47" s="723"/>
      <c r="F47" s="722">
        <v>0</v>
      </c>
      <c r="G47" s="723"/>
      <c r="H47" s="524">
        <v>0</v>
      </c>
      <c r="I47" s="722">
        <v>0</v>
      </c>
      <c r="J47" s="723"/>
      <c r="K47" s="524">
        <v>0</v>
      </c>
      <c r="L47" s="464">
        <v>0</v>
      </c>
    </row>
    <row r="48" spans="1:14" ht="10.5" x14ac:dyDescent="0.2">
      <c r="A48" s="146" t="s">
        <v>36</v>
      </c>
      <c r="B48" s="722">
        <v>163748100</v>
      </c>
      <c r="C48" s="723"/>
      <c r="D48" s="722">
        <v>163748100</v>
      </c>
      <c r="E48" s="723"/>
      <c r="F48" s="722">
        <v>16342799.949999999</v>
      </c>
      <c r="G48" s="723"/>
      <c r="H48" s="524">
        <v>9.980451651042058</v>
      </c>
      <c r="I48" s="722">
        <v>16342799.949999999</v>
      </c>
      <c r="J48" s="723"/>
      <c r="K48" s="524">
        <v>9.980451651042058</v>
      </c>
      <c r="L48" s="464">
        <v>147405300.04999998</v>
      </c>
    </row>
    <row r="49" spans="1:14" ht="10.5" x14ac:dyDescent="0.2">
      <c r="A49" s="27" t="s">
        <v>37</v>
      </c>
      <c r="B49" s="722">
        <v>83718200</v>
      </c>
      <c r="C49" s="723"/>
      <c r="D49" s="722">
        <v>83718200</v>
      </c>
      <c r="E49" s="723"/>
      <c r="F49" s="722">
        <v>12311793.15</v>
      </c>
      <c r="G49" s="723"/>
      <c r="H49" s="524">
        <v>14.706232515749265</v>
      </c>
      <c r="I49" s="722">
        <v>12311793.15</v>
      </c>
      <c r="J49" s="723"/>
      <c r="K49" s="524">
        <v>14.706232515749265</v>
      </c>
      <c r="L49" s="464">
        <v>71406406.849999994</v>
      </c>
    </row>
    <row r="50" spans="1:14" ht="10.5" x14ac:dyDescent="0.2">
      <c r="A50" s="27" t="s">
        <v>38</v>
      </c>
      <c r="B50" s="722">
        <v>25102100</v>
      </c>
      <c r="C50" s="723"/>
      <c r="D50" s="722">
        <v>25102100</v>
      </c>
      <c r="E50" s="723"/>
      <c r="F50" s="722">
        <v>1029925.65</v>
      </c>
      <c r="G50" s="723"/>
      <c r="H50" s="524">
        <v>4.1029461678504981</v>
      </c>
      <c r="I50" s="722">
        <v>1029925.65</v>
      </c>
      <c r="J50" s="723"/>
      <c r="K50" s="524">
        <v>4.1029461678504981</v>
      </c>
      <c r="L50" s="464">
        <v>24072174.350000001</v>
      </c>
    </row>
    <row r="51" spans="1:14" ht="10.5" x14ac:dyDescent="0.2">
      <c r="A51" s="27" t="s">
        <v>39</v>
      </c>
      <c r="B51" s="722">
        <v>9180000</v>
      </c>
      <c r="C51" s="723"/>
      <c r="D51" s="722">
        <v>9180000</v>
      </c>
      <c r="E51" s="723"/>
      <c r="F51" s="722">
        <v>1970555.45</v>
      </c>
      <c r="G51" s="723"/>
      <c r="H51" s="524">
        <v>21.465745642701524</v>
      </c>
      <c r="I51" s="722">
        <v>1970555.45</v>
      </c>
      <c r="J51" s="723"/>
      <c r="K51" s="524">
        <v>21.465745642701524</v>
      </c>
      <c r="L51" s="464">
        <v>7209444.5499999998</v>
      </c>
    </row>
    <row r="52" spans="1:14" ht="21" x14ac:dyDescent="0.2">
      <c r="A52" s="49" t="s">
        <v>372</v>
      </c>
      <c r="B52" s="722">
        <v>0</v>
      </c>
      <c r="C52" s="723"/>
      <c r="D52" s="722">
        <v>0</v>
      </c>
      <c r="E52" s="723"/>
      <c r="F52" s="722">
        <v>0</v>
      </c>
      <c r="G52" s="723"/>
      <c r="H52" s="524">
        <v>0</v>
      </c>
      <c r="I52" s="722">
        <v>0</v>
      </c>
      <c r="J52" s="723"/>
      <c r="K52" s="524">
        <v>0</v>
      </c>
      <c r="L52" s="464">
        <v>0</v>
      </c>
    </row>
    <row r="53" spans="1:14" ht="10.5" x14ac:dyDescent="0.2">
      <c r="A53" s="51" t="s">
        <v>54</v>
      </c>
      <c r="B53" s="722">
        <v>45747800</v>
      </c>
      <c r="C53" s="723"/>
      <c r="D53" s="722">
        <v>45747800</v>
      </c>
      <c r="E53" s="723"/>
      <c r="F53" s="722">
        <v>1030525.7</v>
      </c>
      <c r="G53" s="723"/>
      <c r="H53" s="524">
        <v>2.2526235141361988</v>
      </c>
      <c r="I53" s="722">
        <v>1030525.7</v>
      </c>
      <c r="J53" s="723"/>
      <c r="K53" s="524">
        <v>2.2526235141361988</v>
      </c>
      <c r="L53" s="464">
        <v>44717274.299999997</v>
      </c>
    </row>
    <row r="54" spans="1:14" ht="10.5" x14ac:dyDescent="0.2">
      <c r="A54" s="146" t="s">
        <v>40</v>
      </c>
      <c r="B54" s="720">
        <v>710018100</v>
      </c>
      <c r="C54" s="721"/>
      <c r="D54" s="720">
        <v>710018100</v>
      </c>
      <c r="E54" s="721"/>
      <c r="F54" s="720">
        <v>86479710.039999992</v>
      </c>
      <c r="G54" s="721"/>
      <c r="H54" s="527">
        <v>12.179930348254501</v>
      </c>
      <c r="I54" s="720">
        <v>86479710.039999992</v>
      </c>
      <c r="J54" s="721"/>
      <c r="K54" s="527">
        <v>12.179930348254501</v>
      </c>
      <c r="L54" s="528">
        <v>623538389.96000004</v>
      </c>
    </row>
    <row r="55" spans="1:14" ht="10.5" x14ac:dyDescent="0.2">
      <c r="A55" s="146" t="s">
        <v>41</v>
      </c>
      <c r="B55" s="722">
        <v>36288000</v>
      </c>
      <c r="C55" s="723"/>
      <c r="D55" s="722">
        <v>36288000</v>
      </c>
      <c r="E55" s="723"/>
      <c r="F55" s="722">
        <v>0</v>
      </c>
      <c r="G55" s="723"/>
      <c r="H55" s="524">
        <v>0</v>
      </c>
      <c r="I55" s="722">
        <v>0</v>
      </c>
      <c r="J55" s="723"/>
      <c r="K55" s="524">
        <v>0</v>
      </c>
      <c r="L55" s="464">
        <v>36288000</v>
      </c>
    </row>
    <row r="56" spans="1:14" ht="10.5" x14ac:dyDescent="0.2">
      <c r="A56" s="27" t="s">
        <v>42</v>
      </c>
      <c r="B56" s="722">
        <v>34788000</v>
      </c>
      <c r="C56" s="723"/>
      <c r="D56" s="722">
        <v>34788000</v>
      </c>
      <c r="E56" s="723"/>
      <c r="F56" s="722">
        <v>0</v>
      </c>
      <c r="G56" s="723"/>
      <c r="H56" s="524">
        <v>0</v>
      </c>
      <c r="I56" s="722">
        <v>0</v>
      </c>
      <c r="J56" s="723"/>
      <c r="K56" s="524">
        <v>0</v>
      </c>
      <c r="L56" s="464">
        <v>34788000</v>
      </c>
    </row>
    <row r="57" spans="1:14" ht="10.5" x14ac:dyDescent="0.2">
      <c r="A57" s="27" t="s">
        <v>43</v>
      </c>
      <c r="B57" s="722">
        <v>1500000</v>
      </c>
      <c r="C57" s="723"/>
      <c r="D57" s="722">
        <v>1500000</v>
      </c>
      <c r="E57" s="723"/>
      <c r="F57" s="722">
        <v>0</v>
      </c>
      <c r="G57" s="723"/>
      <c r="H57" s="524">
        <v>0</v>
      </c>
      <c r="I57" s="722">
        <v>0</v>
      </c>
      <c r="J57" s="723"/>
      <c r="K57" s="524">
        <v>0</v>
      </c>
      <c r="L57" s="464">
        <v>1500000</v>
      </c>
    </row>
    <row r="58" spans="1:14" ht="10.5" x14ac:dyDescent="0.2">
      <c r="A58" s="146" t="s">
        <v>44</v>
      </c>
      <c r="B58" s="722">
        <v>7652000</v>
      </c>
      <c r="C58" s="723"/>
      <c r="D58" s="722">
        <v>7652000</v>
      </c>
      <c r="E58" s="723"/>
      <c r="F58" s="722">
        <v>171541.21</v>
      </c>
      <c r="G58" s="723"/>
      <c r="H58" s="524">
        <v>2.2417826711970728</v>
      </c>
      <c r="I58" s="722">
        <v>171541.21</v>
      </c>
      <c r="J58" s="723"/>
      <c r="K58" s="524">
        <v>2.2417826711970728</v>
      </c>
      <c r="L58" s="464">
        <v>7480458.79</v>
      </c>
      <c r="M58" s="55"/>
      <c r="N58" s="55"/>
    </row>
    <row r="59" spans="1:14" ht="10.5" x14ac:dyDescent="0.2">
      <c r="A59" s="27" t="s">
        <v>45</v>
      </c>
      <c r="B59" s="722">
        <v>2056000</v>
      </c>
      <c r="C59" s="723"/>
      <c r="D59" s="722">
        <v>2056000</v>
      </c>
      <c r="E59" s="723"/>
      <c r="F59" s="722">
        <v>148</v>
      </c>
      <c r="G59" s="723"/>
      <c r="H59" s="524">
        <v>7.1984435797665365E-3</v>
      </c>
      <c r="I59" s="722">
        <v>148</v>
      </c>
      <c r="J59" s="723"/>
      <c r="K59" s="524">
        <v>7.1984435797665365E-3</v>
      </c>
      <c r="L59" s="464">
        <v>2055852</v>
      </c>
    </row>
    <row r="60" spans="1:14" ht="10.5" x14ac:dyDescent="0.2">
      <c r="A60" s="27" t="s">
        <v>46</v>
      </c>
      <c r="B60" s="722">
        <v>5596000</v>
      </c>
      <c r="C60" s="723"/>
      <c r="D60" s="722">
        <v>5596000</v>
      </c>
      <c r="E60" s="723"/>
      <c r="F60" s="722">
        <v>171393.21</v>
      </c>
      <c r="G60" s="723"/>
      <c r="H60" s="524">
        <v>3.0627807362401711</v>
      </c>
      <c r="I60" s="722">
        <v>171393.21</v>
      </c>
      <c r="J60" s="723"/>
      <c r="K60" s="524">
        <v>3.0627807362401711</v>
      </c>
      <c r="L60" s="464">
        <v>5424606.79</v>
      </c>
    </row>
    <row r="61" spans="1:14" ht="10.5" x14ac:dyDescent="0.2">
      <c r="A61" s="146" t="s">
        <v>47</v>
      </c>
      <c r="B61" s="722">
        <v>2054800</v>
      </c>
      <c r="C61" s="723"/>
      <c r="D61" s="722">
        <v>2054800</v>
      </c>
      <c r="E61" s="723"/>
      <c r="F61" s="722">
        <v>281754.92</v>
      </c>
      <c r="G61" s="723"/>
      <c r="H61" s="524">
        <v>13.712036207903445</v>
      </c>
      <c r="I61" s="722">
        <v>281754.92</v>
      </c>
      <c r="J61" s="723"/>
      <c r="K61" s="524">
        <v>13.712036207903445</v>
      </c>
      <c r="L61" s="464">
        <v>1773045.08</v>
      </c>
    </row>
    <row r="62" spans="1:14" ht="10.5" x14ac:dyDescent="0.2">
      <c r="A62" s="146" t="s">
        <v>48</v>
      </c>
      <c r="B62" s="722">
        <v>664023300</v>
      </c>
      <c r="C62" s="723"/>
      <c r="D62" s="722">
        <v>664023300</v>
      </c>
      <c r="E62" s="723"/>
      <c r="F62" s="722">
        <v>86026413.909999996</v>
      </c>
      <c r="G62" s="723"/>
      <c r="H62" s="524">
        <v>12.955330620175525</v>
      </c>
      <c r="I62" s="722">
        <v>86026413.909999996</v>
      </c>
      <c r="J62" s="723"/>
      <c r="K62" s="524">
        <v>12.955330620175525</v>
      </c>
      <c r="L62" s="464">
        <v>577996886.09000003</v>
      </c>
      <c r="M62" s="55"/>
      <c r="N62" s="55"/>
    </row>
    <row r="63" spans="1:14" ht="10.5" x14ac:dyDescent="0.2">
      <c r="A63" s="27" t="s">
        <v>30</v>
      </c>
      <c r="B63" s="722">
        <v>32204000</v>
      </c>
      <c r="C63" s="723"/>
      <c r="D63" s="722">
        <v>32204000</v>
      </c>
      <c r="E63" s="723"/>
      <c r="F63" s="722">
        <v>67727.5</v>
      </c>
      <c r="G63" s="723"/>
      <c r="H63" s="524">
        <v>0.21030772574835424</v>
      </c>
      <c r="I63" s="722">
        <v>67727.5</v>
      </c>
      <c r="J63" s="723"/>
      <c r="K63" s="524">
        <v>0.21030772574835424</v>
      </c>
      <c r="L63" s="464">
        <v>32136272.5</v>
      </c>
    </row>
    <row r="64" spans="1:14" ht="10.5" x14ac:dyDescent="0.2">
      <c r="A64" s="27" t="s">
        <v>31</v>
      </c>
      <c r="B64" s="722">
        <v>411979000</v>
      </c>
      <c r="C64" s="723"/>
      <c r="D64" s="722">
        <v>411979000</v>
      </c>
      <c r="E64" s="723"/>
      <c r="F64" s="722">
        <v>70490980.140000001</v>
      </c>
      <c r="G64" s="723"/>
      <c r="H64" s="524">
        <v>17.110333327669615</v>
      </c>
      <c r="I64" s="722">
        <v>70490980.140000001</v>
      </c>
      <c r="J64" s="723"/>
      <c r="K64" s="524">
        <v>17.110333327669615</v>
      </c>
      <c r="L64" s="464">
        <v>341488019.86000001</v>
      </c>
    </row>
    <row r="65" spans="1:13" ht="10.5" x14ac:dyDescent="0.2">
      <c r="A65" s="27" t="s">
        <v>32</v>
      </c>
      <c r="B65" s="722">
        <v>0</v>
      </c>
      <c r="C65" s="723"/>
      <c r="D65" s="722">
        <v>0</v>
      </c>
      <c r="E65" s="723"/>
      <c r="F65" s="722">
        <v>0</v>
      </c>
      <c r="G65" s="723"/>
      <c r="H65" s="524">
        <v>0</v>
      </c>
      <c r="I65" s="722">
        <v>0</v>
      </c>
      <c r="J65" s="723"/>
      <c r="K65" s="524">
        <v>0</v>
      </c>
      <c r="L65" s="464">
        <v>0</v>
      </c>
    </row>
    <row r="66" spans="1:13" ht="10.5" x14ac:dyDescent="0.2">
      <c r="A66" s="27" t="s">
        <v>33</v>
      </c>
      <c r="B66" s="722">
        <v>0</v>
      </c>
      <c r="C66" s="723"/>
      <c r="D66" s="722">
        <v>0</v>
      </c>
      <c r="E66" s="723"/>
      <c r="F66" s="722">
        <v>0</v>
      </c>
      <c r="G66" s="723"/>
      <c r="H66" s="524">
        <v>0</v>
      </c>
      <c r="I66" s="722">
        <v>0</v>
      </c>
      <c r="J66" s="723"/>
      <c r="K66" s="524">
        <v>0</v>
      </c>
      <c r="L66" s="464">
        <v>0</v>
      </c>
    </row>
    <row r="67" spans="1:13" ht="10.5" x14ac:dyDescent="0.2">
      <c r="A67" s="52" t="s">
        <v>49</v>
      </c>
      <c r="B67" s="722">
        <v>0</v>
      </c>
      <c r="C67" s="723"/>
      <c r="D67" s="722">
        <v>0</v>
      </c>
      <c r="E67" s="723"/>
      <c r="F67" s="722">
        <v>0</v>
      </c>
      <c r="G67" s="723"/>
      <c r="H67" s="524">
        <v>0</v>
      </c>
      <c r="I67" s="722">
        <v>0</v>
      </c>
      <c r="J67" s="723"/>
      <c r="K67" s="524">
        <v>0</v>
      </c>
      <c r="L67" s="464">
        <v>0</v>
      </c>
    </row>
    <row r="68" spans="1:13" ht="10.5" x14ac:dyDescent="0.2">
      <c r="A68" s="52" t="s">
        <v>34</v>
      </c>
      <c r="B68" s="722">
        <v>219840300</v>
      </c>
      <c r="C68" s="723"/>
      <c r="D68" s="722">
        <v>219840300</v>
      </c>
      <c r="E68" s="723"/>
      <c r="F68" s="722">
        <v>15467706.27</v>
      </c>
      <c r="G68" s="723"/>
      <c r="H68" s="524">
        <v>7.0358829886967937</v>
      </c>
      <c r="I68" s="722">
        <v>15467706.27</v>
      </c>
      <c r="J68" s="723"/>
      <c r="K68" s="524">
        <v>7.0358829886967937</v>
      </c>
      <c r="L68" s="464">
        <v>204372593.72999999</v>
      </c>
    </row>
    <row r="69" spans="1:13" ht="10.5" x14ac:dyDescent="0.2">
      <c r="A69" s="52" t="s">
        <v>35</v>
      </c>
      <c r="B69" s="722">
        <v>0</v>
      </c>
      <c r="C69" s="723"/>
      <c r="D69" s="722">
        <v>0</v>
      </c>
      <c r="E69" s="723"/>
      <c r="F69" s="722">
        <v>0</v>
      </c>
      <c r="G69" s="723"/>
      <c r="H69" s="524">
        <v>0</v>
      </c>
      <c r="I69" s="722">
        <v>0</v>
      </c>
      <c r="J69" s="723"/>
      <c r="K69" s="524">
        <v>0</v>
      </c>
      <c r="L69" s="464">
        <v>0</v>
      </c>
    </row>
    <row r="70" spans="1:13" ht="10.5" x14ac:dyDescent="0.2">
      <c r="A70" s="146" t="s">
        <v>50</v>
      </c>
      <c r="B70" s="722">
        <v>0</v>
      </c>
      <c r="C70" s="723"/>
      <c r="D70" s="722">
        <v>0</v>
      </c>
      <c r="E70" s="723"/>
      <c r="F70" s="722">
        <v>0</v>
      </c>
      <c r="G70" s="723"/>
      <c r="H70" s="524">
        <v>0</v>
      </c>
      <c r="I70" s="722">
        <v>0</v>
      </c>
      <c r="J70" s="723"/>
      <c r="K70" s="524">
        <v>0</v>
      </c>
      <c r="L70" s="464">
        <v>0</v>
      </c>
    </row>
    <row r="71" spans="1:13" ht="10.5" x14ac:dyDescent="0.2">
      <c r="A71" s="27" t="s">
        <v>51</v>
      </c>
      <c r="B71" s="722">
        <v>0</v>
      </c>
      <c r="C71" s="723"/>
      <c r="D71" s="722">
        <v>0</v>
      </c>
      <c r="E71" s="723"/>
      <c r="F71" s="722">
        <v>0</v>
      </c>
      <c r="G71" s="723"/>
      <c r="H71" s="524">
        <v>0</v>
      </c>
      <c r="I71" s="722">
        <v>0</v>
      </c>
      <c r="J71" s="723"/>
      <c r="K71" s="524">
        <v>0</v>
      </c>
      <c r="L71" s="464">
        <v>0</v>
      </c>
    </row>
    <row r="72" spans="1:13" ht="10.5" x14ac:dyDescent="0.2">
      <c r="A72" s="53" t="s">
        <v>52</v>
      </c>
      <c r="B72" s="722">
        <v>0</v>
      </c>
      <c r="C72" s="723"/>
      <c r="D72" s="722">
        <v>0</v>
      </c>
      <c r="E72" s="723"/>
      <c r="F72" s="722">
        <v>0</v>
      </c>
      <c r="G72" s="723"/>
      <c r="H72" s="524">
        <v>0</v>
      </c>
      <c r="I72" s="722">
        <v>0</v>
      </c>
      <c r="J72" s="723"/>
      <c r="K72" s="524">
        <v>0</v>
      </c>
      <c r="L72" s="464">
        <v>0</v>
      </c>
    </row>
    <row r="73" spans="1:13" ht="10.5" x14ac:dyDescent="0.2">
      <c r="A73" s="52" t="s">
        <v>53</v>
      </c>
      <c r="B73" s="722">
        <v>0</v>
      </c>
      <c r="C73" s="723"/>
      <c r="D73" s="722">
        <v>0</v>
      </c>
      <c r="E73" s="723"/>
      <c r="F73" s="722">
        <v>0</v>
      </c>
      <c r="G73" s="723"/>
      <c r="H73" s="524">
        <v>0</v>
      </c>
      <c r="I73" s="722">
        <v>0</v>
      </c>
      <c r="J73" s="723"/>
      <c r="K73" s="524">
        <v>0</v>
      </c>
      <c r="L73" s="464">
        <v>0</v>
      </c>
    </row>
    <row r="74" spans="1:13" ht="10.5" x14ac:dyDescent="0.2">
      <c r="A74" s="147" t="s">
        <v>82</v>
      </c>
      <c r="B74" s="749">
        <v>1179764000</v>
      </c>
      <c r="C74" s="750"/>
      <c r="D74" s="749">
        <v>1195607834.6500001</v>
      </c>
      <c r="E74" s="750"/>
      <c r="F74" s="749">
        <v>95244938.180000007</v>
      </c>
      <c r="G74" s="750"/>
      <c r="H74" s="527">
        <v>7.9662357020169425</v>
      </c>
      <c r="I74" s="749">
        <v>95244938.180000007</v>
      </c>
      <c r="J74" s="750"/>
      <c r="K74" s="527">
        <v>7.9662357020169425</v>
      </c>
      <c r="L74" s="465">
        <v>1100362896.47</v>
      </c>
    </row>
    <row r="75" spans="1:13" ht="12.75" customHeight="1" x14ac:dyDescent="0.2">
      <c r="A75" s="148" t="s">
        <v>83</v>
      </c>
      <c r="B75" s="729">
        <v>13057110000</v>
      </c>
      <c r="C75" s="730"/>
      <c r="D75" s="729">
        <v>13072953834.65</v>
      </c>
      <c r="E75" s="730"/>
      <c r="F75" s="729">
        <v>1953477601.4400001</v>
      </c>
      <c r="G75" s="730"/>
      <c r="H75" s="529">
        <v>14.94289374955404</v>
      </c>
      <c r="I75" s="729">
        <v>1953477601.4400001</v>
      </c>
      <c r="J75" s="730"/>
      <c r="K75" s="530">
        <v>14.94289374955404</v>
      </c>
      <c r="L75" s="531">
        <v>11119476233.209997</v>
      </c>
      <c r="M75" s="304"/>
    </row>
    <row r="76" spans="1:13" ht="10.5" x14ac:dyDescent="0.2">
      <c r="A76" s="305" t="s">
        <v>360</v>
      </c>
      <c r="B76" s="697"/>
      <c r="C76" s="698"/>
      <c r="D76" s="697"/>
      <c r="E76" s="698"/>
      <c r="F76" s="697"/>
      <c r="G76" s="698"/>
      <c r="H76" s="532">
        <v>0</v>
      </c>
      <c r="I76" s="697"/>
      <c r="J76" s="698"/>
      <c r="K76" s="533">
        <v>0</v>
      </c>
      <c r="L76" s="533"/>
    </row>
    <row r="77" spans="1:13" ht="10.5" customHeight="1" x14ac:dyDescent="0.2">
      <c r="A77" s="146" t="s">
        <v>309</v>
      </c>
      <c r="B77" s="515"/>
      <c r="C77" s="517"/>
      <c r="D77" s="515"/>
      <c r="E77" s="517"/>
      <c r="F77" s="515"/>
      <c r="G77" s="517"/>
      <c r="H77" s="464">
        <v>0</v>
      </c>
      <c r="I77" s="515"/>
      <c r="J77" s="517"/>
      <c r="K77" s="520">
        <v>0</v>
      </c>
      <c r="L77" s="520"/>
    </row>
    <row r="78" spans="1:13" ht="10.5" customHeight="1" x14ac:dyDescent="0.2">
      <c r="A78" s="27" t="s">
        <v>55</v>
      </c>
      <c r="B78" s="464"/>
      <c r="C78" s="472"/>
      <c r="D78" s="464"/>
      <c r="E78" s="472"/>
      <c r="F78" s="464"/>
      <c r="G78" s="472"/>
      <c r="H78" s="464">
        <v>0</v>
      </c>
      <c r="I78" s="464"/>
      <c r="J78" s="472"/>
      <c r="K78" s="520">
        <v>0</v>
      </c>
      <c r="L78" s="520"/>
    </row>
    <row r="79" spans="1:13" ht="10.5" customHeight="1" x14ac:dyDescent="0.2">
      <c r="A79" s="54" t="s">
        <v>56</v>
      </c>
      <c r="B79" s="464"/>
      <c r="C79" s="472"/>
      <c r="D79" s="464"/>
      <c r="E79" s="472"/>
      <c r="F79" s="464"/>
      <c r="G79" s="472"/>
      <c r="H79" s="464">
        <v>0</v>
      </c>
      <c r="I79" s="464"/>
      <c r="J79" s="472"/>
      <c r="K79" s="520">
        <v>0</v>
      </c>
      <c r="L79" s="520"/>
    </row>
    <row r="80" spans="1:13" ht="10.5" customHeight="1" x14ac:dyDescent="0.2">
      <c r="A80" s="146" t="s">
        <v>310</v>
      </c>
      <c r="B80" s="464"/>
      <c r="C80" s="472"/>
      <c r="D80" s="464"/>
      <c r="E80" s="472"/>
      <c r="F80" s="464"/>
      <c r="G80" s="472"/>
      <c r="H80" s="464">
        <v>0</v>
      </c>
      <c r="I80" s="464"/>
      <c r="J80" s="472"/>
      <c r="K80" s="520">
        <v>0</v>
      </c>
      <c r="L80" s="520"/>
    </row>
    <row r="81" spans="1:13" ht="10.5" customHeight="1" x14ac:dyDescent="0.2">
      <c r="A81" s="27" t="s">
        <v>55</v>
      </c>
      <c r="B81" s="464"/>
      <c r="C81" s="472"/>
      <c r="D81" s="464"/>
      <c r="E81" s="472"/>
      <c r="F81" s="464"/>
      <c r="G81" s="472"/>
      <c r="H81" s="464">
        <v>0</v>
      </c>
      <c r="I81" s="464"/>
      <c r="J81" s="472"/>
      <c r="K81" s="520">
        <v>0</v>
      </c>
      <c r="L81" s="520"/>
    </row>
    <row r="82" spans="1:13" ht="10.5" customHeight="1" x14ac:dyDescent="0.2">
      <c r="A82" s="54" t="s">
        <v>56</v>
      </c>
      <c r="B82" s="518"/>
      <c r="C82" s="519"/>
      <c r="D82" s="518"/>
      <c r="E82" s="519"/>
      <c r="F82" s="518"/>
      <c r="G82" s="519"/>
      <c r="H82" s="464">
        <v>0</v>
      </c>
      <c r="I82" s="518"/>
      <c r="J82" s="519"/>
      <c r="K82" s="521">
        <v>0</v>
      </c>
      <c r="L82" s="521"/>
    </row>
    <row r="83" spans="1:13" ht="10.5" x14ac:dyDescent="0.2">
      <c r="A83" s="148" t="s">
        <v>57</v>
      </c>
      <c r="B83" s="729">
        <v>13057110000</v>
      </c>
      <c r="C83" s="730"/>
      <c r="D83" s="729">
        <v>13072953834.65</v>
      </c>
      <c r="E83" s="730"/>
      <c r="F83" s="729">
        <v>1953477601.4400001</v>
      </c>
      <c r="G83" s="730"/>
      <c r="H83" s="531">
        <v>14.94289374955404</v>
      </c>
      <c r="I83" s="729">
        <v>1953477601.4400001</v>
      </c>
      <c r="J83" s="730"/>
      <c r="K83" s="534">
        <v>14.94289374955404</v>
      </c>
      <c r="L83" s="531">
        <v>11119476233.209997</v>
      </c>
      <c r="M83" s="26"/>
    </row>
    <row r="84" spans="1:13" ht="10.5" x14ac:dyDescent="0.2">
      <c r="A84" s="149" t="s">
        <v>84</v>
      </c>
      <c r="B84" s="729">
        <v>0</v>
      </c>
      <c r="C84" s="730"/>
      <c r="D84" s="729">
        <v>0</v>
      </c>
      <c r="E84" s="730"/>
      <c r="F84" s="729">
        <v>0</v>
      </c>
      <c r="G84" s="730"/>
      <c r="H84" s="531">
        <v>0</v>
      </c>
      <c r="I84" s="729">
        <v>0</v>
      </c>
      <c r="J84" s="730"/>
      <c r="K84" s="535">
        <v>0</v>
      </c>
      <c r="L84" s="514">
        <v>0</v>
      </c>
    </row>
    <row r="85" spans="1:13" ht="10.5" x14ac:dyDescent="0.2">
      <c r="A85" s="25" t="s">
        <v>85</v>
      </c>
      <c r="B85" s="703">
        <v>13057110000</v>
      </c>
      <c r="C85" s="704"/>
      <c r="D85" s="703">
        <v>13072953834.65</v>
      </c>
      <c r="E85" s="704"/>
      <c r="F85" s="703">
        <v>1953477601.4400001</v>
      </c>
      <c r="G85" s="704"/>
      <c r="H85" s="452">
        <v>14.94289374955404</v>
      </c>
      <c r="I85" s="703">
        <v>1953477601.4400001</v>
      </c>
      <c r="J85" s="704"/>
      <c r="K85" s="452">
        <v>14.94289374955404</v>
      </c>
      <c r="L85" s="451">
        <v>11119476233.209997</v>
      </c>
    </row>
    <row r="86" spans="1:13" ht="21" x14ac:dyDescent="0.2">
      <c r="A86" s="350" t="s">
        <v>58</v>
      </c>
      <c r="B86" s="699">
        <v>0</v>
      </c>
      <c r="C86" s="700"/>
      <c r="D86" s="697">
        <v>0</v>
      </c>
      <c r="E86" s="698"/>
      <c r="F86" s="697">
        <v>0</v>
      </c>
      <c r="G86" s="698"/>
      <c r="H86" s="536">
        <v>0</v>
      </c>
      <c r="I86" s="697"/>
      <c r="J86" s="698"/>
      <c r="K86" s="536">
        <v>0</v>
      </c>
      <c r="L86" s="533" t="s">
        <v>156</v>
      </c>
    </row>
    <row r="87" spans="1:13" ht="10.5" x14ac:dyDescent="0.2">
      <c r="A87" s="351" t="s">
        <v>354</v>
      </c>
      <c r="B87" s="699">
        <v>0</v>
      </c>
      <c r="C87" s="700"/>
      <c r="D87" s="697">
        <v>0</v>
      </c>
      <c r="E87" s="698"/>
      <c r="F87" s="697">
        <v>0</v>
      </c>
      <c r="G87" s="698"/>
      <c r="H87" s="536">
        <v>0</v>
      </c>
      <c r="I87" s="697"/>
      <c r="J87" s="698"/>
      <c r="K87" s="536">
        <v>0</v>
      </c>
      <c r="L87" s="533" t="s">
        <v>156</v>
      </c>
    </row>
    <row r="88" spans="1:13" ht="10.5" x14ac:dyDescent="0.2">
      <c r="A88" s="352" t="s">
        <v>353</v>
      </c>
      <c r="B88" s="697">
        <v>0</v>
      </c>
      <c r="C88" s="698"/>
      <c r="D88" s="697">
        <v>0</v>
      </c>
      <c r="E88" s="698"/>
      <c r="F88" s="697">
        <v>0</v>
      </c>
      <c r="G88" s="698"/>
      <c r="H88" s="536">
        <v>0</v>
      </c>
      <c r="I88" s="697"/>
      <c r="J88" s="698"/>
      <c r="K88" s="536">
        <v>0</v>
      </c>
      <c r="L88" s="533" t="s">
        <v>156</v>
      </c>
    </row>
    <row r="89" spans="1:13" ht="5.0999999999999996" customHeight="1" x14ac:dyDescent="0.2">
      <c r="F89" s="55"/>
      <c r="G89" s="55"/>
      <c r="H89" s="55"/>
      <c r="I89" s="55"/>
      <c r="J89" s="55"/>
      <c r="K89" s="55"/>
      <c r="L89" s="55"/>
    </row>
    <row r="90" spans="1:13" ht="10.5" x14ac:dyDescent="0.2">
      <c r="F90" s="55"/>
      <c r="G90" s="55"/>
      <c r="H90" s="55"/>
      <c r="I90" s="55"/>
      <c r="J90" s="55"/>
      <c r="K90" s="55"/>
      <c r="L90" s="55"/>
    </row>
    <row r="91" spans="1:13" ht="14.25" customHeight="1" x14ac:dyDescent="0.2">
      <c r="A91" s="694" t="s">
        <v>882</v>
      </c>
      <c r="B91" s="56" t="s">
        <v>157</v>
      </c>
      <c r="C91" s="56" t="s">
        <v>157</v>
      </c>
      <c r="D91" s="707" t="s">
        <v>158</v>
      </c>
      <c r="E91" s="717"/>
      <c r="F91" s="727" t="s">
        <v>161</v>
      </c>
      <c r="G91" s="707" t="s">
        <v>159</v>
      </c>
      <c r="H91" s="708"/>
      <c r="I91" s="727" t="s">
        <v>161</v>
      </c>
      <c r="J91" s="725" t="s">
        <v>536</v>
      </c>
      <c r="K91" s="709" t="s">
        <v>638</v>
      </c>
      <c r="L91" s="710"/>
    </row>
    <row r="92" spans="1:13" ht="27" customHeight="1" x14ac:dyDescent="0.2">
      <c r="A92" s="695"/>
      <c r="B92" s="57" t="s">
        <v>111</v>
      </c>
      <c r="C92" s="57" t="s">
        <v>112</v>
      </c>
      <c r="D92" s="58" t="s">
        <v>432</v>
      </c>
      <c r="E92" s="58" t="s">
        <v>433</v>
      </c>
      <c r="F92" s="728"/>
      <c r="G92" s="58" t="s">
        <v>432</v>
      </c>
      <c r="H92" s="59" t="s">
        <v>433</v>
      </c>
      <c r="I92" s="728"/>
      <c r="J92" s="726"/>
      <c r="K92" s="711"/>
      <c r="L92" s="712"/>
    </row>
    <row r="93" spans="1:13" ht="10.5" x14ac:dyDescent="0.2">
      <c r="A93" s="695"/>
      <c r="B93" s="57"/>
      <c r="C93" s="57"/>
      <c r="D93" s="59" t="s">
        <v>121</v>
      </c>
      <c r="E93" s="59" t="s">
        <v>121</v>
      </c>
      <c r="F93" s="728"/>
      <c r="G93" s="59" t="s">
        <v>121</v>
      </c>
      <c r="H93" s="59" t="s">
        <v>121</v>
      </c>
      <c r="I93" s="728"/>
      <c r="J93" s="726"/>
      <c r="K93" s="711"/>
      <c r="L93" s="712"/>
    </row>
    <row r="94" spans="1:13" s="408" customFormat="1" ht="12" customHeight="1" x14ac:dyDescent="0.2">
      <c r="A94" s="696"/>
      <c r="B94" s="405" t="s">
        <v>162</v>
      </c>
      <c r="C94" s="405" t="s">
        <v>163</v>
      </c>
      <c r="D94" s="407"/>
      <c r="E94" s="405" t="s">
        <v>233</v>
      </c>
      <c r="F94" s="406" t="s">
        <v>540</v>
      </c>
      <c r="G94" s="407"/>
      <c r="H94" s="405" t="s">
        <v>165</v>
      </c>
      <c r="I94" s="405" t="s">
        <v>541</v>
      </c>
      <c r="J94" s="405" t="s">
        <v>349</v>
      </c>
      <c r="K94" s="713"/>
      <c r="L94" s="714"/>
    </row>
    <row r="95" spans="1:13" ht="10.5" x14ac:dyDescent="0.2">
      <c r="A95" s="151" t="s">
        <v>361</v>
      </c>
      <c r="B95" s="313">
        <v>12125839700</v>
      </c>
      <c r="C95" s="313">
        <v>12239699628.17</v>
      </c>
      <c r="D95" s="313">
        <v>2623645908.6700001</v>
      </c>
      <c r="E95" s="313">
        <v>2623645908.6700001</v>
      </c>
      <c r="F95" s="313">
        <v>9616053719.5</v>
      </c>
      <c r="G95" s="313">
        <v>1592057098.4299998</v>
      </c>
      <c r="H95" s="313">
        <v>1592057098.4299998</v>
      </c>
      <c r="I95" s="313">
        <v>10647642529.740002</v>
      </c>
      <c r="J95" s="313">
        <v>1406539758.6800001</v>
      </c>
      <c r="K95" s="715">
        <v>0</v>
      </c>
      <c r="L95" s="716"/>
    </row>
    <row r="96" spans="1:13" ht="10.5" x14ac:dyDescent="0.2">
      <c r="A96" s="61" t="s">
        <v>86</v>
      </c>
      <c r="B96" s="313">
        <v>10009392800</v>
      </c>
      <c r="C96" s="313">
        <v>10045535952.17</v>
      </c>
      <c r="D96" s="313">
        <v>2329406875.9400001</v>
      </c>
      <c r="E96" s="313">
        <v>2329406875.9400001</v>
      </c>
      <c r="F96" s="313">
        <v>7716129076.2299995</v>
      </c>
      <c r="G96" s="313">
        <v>1423519612.1199999</v>
      </c>
      <c r="H96" s="313">
        <v>1423519612.1199999</v>
      </c>
      <c r="I96" s="313">
        <v>8622016340.0500011</v>
      </c>
      <c r="J96" s="313">
        <v>1249737895.01</v>
      </c>
      <c r="K96" s="705">
        <v>0</v>
      </c>
      <c r="L96" s="706"/>
    </row>
    <row r="97" spans="1:12" s="42" customFormat="1" ht="10.5" x14ac:dyDescent="0.2">
      <c r="A97" s="61" t="s">
        <v>87</v>
      </c>
      <c r="B97" s="302">
        <v>5134540600</v>
      </c>
      <c r="C97" s="302">
        <v>5105150669</v>
      </c>
      <c r="D97" s="302">
        <v>1384201623.6800001</v>
      </c>
      <c r="E97" s="302">
        <v>1384201623.6800001</v>
      </c>
      <c r="F97" s="302">
        <v>3720949045.3199997</v>
      </c>
      <c r="G97" s="303">
        <v>787537854.33000004</v>
      </c>
      <c r="H97" s="303">
        <v>787537854.33000004</v>
      </c>
      <c r="I97" s="303">
        <v>4317612814.6700001</v>
      </c>
      <c r="J97" s="302">
        <v>692872127.23000002</v>
      </c>
      <c r="K97" s="705"/>
      <c r="L97" s="706"/>
    </row>
    <row r="98" spans="1:12" ht="12.75" customHeight="1" x14ac:dyDescent="0.2">
      <c r="A98" s="61" t="s">
        <v>88</v>
      </c>
      <c r="B98" s="302">
        <v>267800700</v>
      </c>
      <c r="C98" s="302">
        <v>265647700</v>
      </c>
      <c r="D98" s="302">
        <v>39942500</v>
      </c>
      <c r="E98" s="302">
        <v>39942500</v>
      </c>
      <c r="F98" s="302">
        <v>225705200</v>
      </c>
      <c r="G98" s="303">
        <v>38805350.479999997</v>
      </c>
      <c r="H98" s="303">
        <v>38805350.479999997</v>
      </c>
      <c r="I98" s="303">
        <v>226842349.52000001</v>
      </c>
      <c r="J98" s="302">
        <v>38805350.479999997</v>
      </c>
      <c r="K98" s="705"/>
      <c r="L98" s="706"/>
    </row>
    <row r="99" spans="1:12" ht="10.5" x14ac:dyDescent="0.2">
      <c r="A99" s="61" t="s">
        <v>89</v>
      </c>
      <c r="B99" s="314">
        <v>4607051500</v>
      </c>
      <c r="C99" s="314">
        <v>4674737583.1700001</v>
      </c>
      <c r="D99" s="314">
        <v>905262752.25999999</v>
      </c>
      <c r="E99" s="314">
        <v>905262752.25999999</v>
      </c>
      <c r="F99" s="314">
        <v>3769474830.9099998</v>
      </c>
      <c r="G99" s="314">
        <v>597176407.30999994</v>
      </c>
      <c r="H99" s="314">
        <v>597176407.30999994</v>
      </c>
      <c r="I99" s="314">
        <v>4077561175.8600001</v>
      </c>
      <c r="J99" s="314">
        <v>518060417.29999995</v>
      </c>
      <c r="K99" s="705">
        <v>0</v>
      </c>
      <c r="L99" s="706"/>
    </row>
    <row r="100" spans="1:12" ht="10.5" x14ac:dyDescent="0.2">
      <c r="A100" s="62" t="s">
        <v>739</v>
      </c>
      <c r="B100" s="302">
        <v>2079676200</v>
      </c>
      <c r="C100" s="302">
        <v>2069518230.1800001</v>
      </c>
      <c r="D100" s="302">
        <v>456620000</v>
      </c>
      <c r="E100" s="302">
        <v>456620000</v>
      </c>
      <c r="F100" s="302">
        <v>1612898230.1800001</v>
      </c>
      <c r="G100" s="303">
        <v>394696812.86000001</v>
      </c>
      <c r="H100" s="303">
        <v>394696812.86000001</v>
      </c>
      <c r="I100" s="303">
        <v>1674821417.3200002</v>
      </c>
      <c r="J100" s="302">
        <v>358509639.57999998</v>
      </c>
      <c r="K100" s="705"/>
      <c r="L100" s="706"/>
    </row>
    <row r="101" spans="1:12" ht="10.5" x14ac:dyDescent="0.2">
      <c r="A101" s="62" t="s">
        <v>740</v>
      </c>
      <c r="B101" s="302">
        <v>2527375300</v>
      </c>
      <c r="C101" s="302">
        <v>2605219352.9899998</v>
      </c>
      <c r="D101" s="302">
        <v>448642752.25999999</v>
      </c>
      <c r="E101" s="302">
        <v>448642752.25999999</v>
      </c>
      <c r="F101" s="302">
        <v>2156576600.7299995</v>
      </c>
      <c r="G101" s="303">
        <v>202479594.44999999</v>
      </c>
      <c r="H101" s="303">
        <v>202479594.44999999</v>
      </c>
      <c r="I101" s="303">
        <v>2402739758.54</v>
      </c>
      <c r="J101" s="302">
        <v>159550777.72</v>
      </c>
      <c r="K101" s="705"/>
      <c r="L101" s="706"/>
    </row>
    <row r="102" spans="1:12" s="42" customFormat="1" ht="10.5" x14ac:dyDescent="0.2">
      <c r="A102" s="61" t="s">
        <v>90</v>
      </c>
      <c r="B102" s="313">
        <v>1999571700</v>
      </c>
      <c r="C102" s="313">
        <v>2077288476</v>
      </c>
      <c r="D102" s="313">
        <v>294239032.73000002</v>
      </c>
      <c r="E102" s="313">
        <v>294239032.73000002</v>
      </c>
      <c r="F102" s="313">
        <v>1783049443.27</v>
      </c>
      <c r="G102" s="313">
        <v>168537486.30999997</v>
      </c>
      <c r="H102" s="313">
        <v>168537486.31</v>
      </c>
      <c r="I102" s="313">
        <v>1908750989.6900001</v>
      </c>
      <c r="J102" s="313">
        <v>156801863.67000002</v>
      </c>
      <c r="K102" s="705">
        <v>0</v>
      </c>
      <c r="L102" s="706"/>
    </row>
    <row r="103" spans="1:12" ht="10.5" x14ac:dyDescent="0.2">
      <c r="A103" s="55" t="s">
        <v>91</v>
      </c>
      <c r="B103" s="302">
        <v>1222433500</v>
      </c>
      <c r="C103" s="302">
        <v>1310765276</v>
      </c>
      <c r="D103" s="302">
        <v>154205032.72999999</v>
      </c>
      <c r="E103" s="302">
        <v>154205032.72999999</v>
      </c>
      <c r="F103" s="302">
        <v>1156560243.27</v>
      </c>
      <c r="G103" s="303">
        <v>32564659.23</v>
      </c>
      <c r="H103" s="303">
        <v>32564659.23</v>
      </c>
      <c r="I103" s="303">
        <v>1278200616.77</v>
      </c>
      <c r="J103" s="302">
        <v>20829036.59</v>
      </c>
      <c r="K103" s="705"/>
      <c r="L103" s="706"/>
    </row>
    <row r="104" spans="1:12" ht="10.5" x14ac:dyDescent="0.2">
      <c r="A104" s="55" t="s">
        <v>92</v>
      </c>
      <c r="B104" s="302">
        <v>13788800</v>
      </c>
      <c r="C104" s="302">
        <v>13788800</v>
      </c>
      <c r="D104" s="302">
        <v>0</v>
      </c>
      <c r="E104" s="302">
        <v>0</v>
      </c>
      <c r="F104" s="302">
        <v>13788800</v>
      </c>
      <c r="G104" s="303">
        <v>0</v>
      </c>
      <c r="H104" s="303">
        <v>0</v>
      </c>
      <c r="I104" s="303">
        <v>13788800</v>
      </c>
      <c r="J104" s="302">
        <v>0</v>
      </c>
      <c r="K104" s="705"/>
      <c r="L104" s="706"/>
    </row>
    <row r="105" spans="1:12" ht="10.5" x14ac:dyDescent="0.2">
      <c r="A105" s="55" t="s">
        <v>93</v>
      </c>
      <c r="B105" s="302">
        <v>763349400</v>
      </c>
      <c r="C105" s="302">
        <v>752734400</v>
      </c>
      <c r="D105" s="302">
        <v>140034000</v>
      </c>
      <c r="E105" s="302">
        <v>140034000</v>
      </c>
      <c r="F105" s="302">
        <v>612700400</v>
      </c>
      <c r="G105" s="303">
        <v>135972827.07999998</v>
      </c>
      <c r="H105" s="303">
        <v>135972827.08000001</v>
      </c>
      <c r="I105" s="303">
        <v>616761572.91999996</v>
      </c>
      <c r="J105" s="302">
        <v>135972827.08000001</v>
      </c>
      <c r="K105" s="705"/>
      <c r="L105" s="706"/>
    </row>
    <row r="106" spans="1:12" ht="10.5" x14ac:dyDescent="0.2">
      <c r="A106" s="55" t="s">
        <v>94</v>
      </c>
      <c r="B106" s="303">
        <v>87915000</v>
      </c>
      <c r="C106" s="303">
        <v>87915000</v>
      </c>
      <c r="D106" s="303">
        <v>0</v>
      </c>
      <c r="E106" s="303">
        <v>0</v>
      </c>
      <c r="F106" s="302">
        <v>87915000</v>
      </c>
      <c r="G106" s="303">
        <v>0</v>
      </c>
      <c r="H106" s="303">
        <v>0</v>
      </c>
      <c r="I106" s="303">
        <v>87915000</v>
      </c>
      <c r="J106" s="302">
        <v>0</v>
      </c>
      <c r="K106" s="705"/>
      <c r="L106" s="706"/>
    </row>
    <row r="107" spans="1:12" ht="10.5" x14ac:dyDescent="0.2">
      <c r="A107" s="55" t="s">
        <v>95</v>
      </c>
      <c r="B107" s="303">
        <v>28960200</v>
      </c>
      <c r="C107" s="303">
        <v>28960200</v>
      </c>
      <c r="D107" s="303">
        <v>0</v>
      </c>
      <c r="E107" s="303">
        <v>0</v>
      </c>
      <c r="F107" s="302">
        <v>28960200</v>
      </c>
      <c r="G107" s="303">
        <v>0</v>
      </c>
      <c r="H107" s="303">
        <v>0</v>
      </c>
      <c r="I107" s="303">
        <v>28960200</v>
      </c>
      <c r="J107" s="302">
        <v>0</v>
      </c>
      <c r="K107" s="303"/>
      <c r="L107" s="318"/>
    </row>
    <row r="108" spans="1:12" ht="10.5" x14ac:dyDescent="0.2">
      <c r="A108" s="61" t="s">
        <v>96</v>
      </c>
      <c r="B108" s="651">
        <v>931270300</v>
      </c>
      <c r="C108" s="651">
        <v>964627131.83000004</v>
      </c>
      <c r="D108" s="651">
        <v>302785530.88</v>
      </c>
      <c r="E108" s="651">
        <v>302785530.88</v>
      </c>
      <c r="F108" s="651">
        <v>661841600.95000005</v>
      </c>
      <c r="G108" s="651">
        <v>223042222.79000002</v>
      </c>
      <c r="H108" s="651">
        <v>223042222.79000002</v>
      </c>
      <c r="I108" s="651">
        <v>741584909.03999996</v>
      </c>
      <c r="J108" s="651">
        <v>161427705.24000001</v>
      </c>
      <c r="K108" s="756">
        <v>0</v>
      </c>
      <c r="L108" s="757"/>
    </row>
    <row r="109" spans="1:12" ht="10.5" x14ac:dyDescent="0.2">
      <c r="A109" s="115" t="s">
        <v>97</v>
      </c>
      <c r="B109" s="315">
        <v>13057110000</v>
      </c>
      <c r="C109" s="315">
        <v>13204326760</v>
      </c>
      <c r="D109" s="315">
        <v>2926431439.5500002</v>
      </c>
      <c r="E109" s="315">
        <v>2926431439.5500002</v>
      </c>
      <c r="F109" s="315">
        <v>10277895320.450001</v>
      </c>
      <c r="G109" s="315">
        <v>1815099321.2199998</v>
      </c>
      <c r="H109" s="315">
        <v>1815099321.2199998</v>
      </c>
      <c r="I109" s="315">
        <v>11389227438.780003</v>
      </c>
      <c r="J109" s="315">
        <v>1567967463.9200001</v>
      </c>
      <c r="K109" s="701">
        <v>0</v>
      </c>
      <c r="L109" s="702"/>
    </row>
    <row r="110" spans="1:12" ht="10.5" x14ac:dyDescent="0.2">
      <c r="A110" s="305" t="s">
        <v>362</v>
      </c>
      <c r="B110" s="308">
        <v>0</v>
      </c>
      <c r="C110" s="308">
        <v>0</v>
      </c>
      <c r="D110" s="308">
        <v>0</v>
      </c>
      <c r="E110" s="308">
        <v>0</v>
      </c>
      <c r="F110" s="308">
        <v>0</v>
      </c>
      <c r="G110" s="308">
        <v>0</v>
      </c>
      <c r="H110" s="308">
        <v>0</v>
      </c>
      <c r="I110" s="308">
        <v>0</v>
      </c>
      <c r="J110" s="308">
        <v>0</v>
      </c>
      <c r="K110" s="701">
        <v>0</v>
      </c>
      <c r="L110" s="702"/>
    </row>
    <row r="111" spans="1:12" ht="10.5" customHeight="1" x14ac:dyDescent="0.2">
      <c r="A111" s="146" t="s">
        <v>3</v>
      </c>
      <c r="B111" s="306">
        <v>0</v>
      </c>
      <c r="C111" s="306">
        <v>0</v>
      </c>
      <c r="D111" s="306">
        <v>0</v>
      </c>
      <c r="E111" s="306">
        <v>0</v>
      </c>
      <c r="F111" s="306">
        <v>0</v>
      </c>
      <c r="G111" s="306">
        <v>0</v>
      </c>
      <c r="H111" s="306">
        <v>0</v>
      </c>
      <c r="I111" s="306">
        <v>0</v>
      </c>
      <c r="J111" s="306">
        <v>0</v>
      </c>
      <c r="K111" s="336"/>
      <c r="L111" s="335"/>
    </row>
    <row r="112" spans="1:12" ht="10.5" customHeight="1" x14ac:dyDescent="0.2">
      <c r="A112" s="27" t="s">
        <v>1</v>
      </c>
      <c r="B112" s="303"/>
      <c r="C112" s="303"/>
      <c r="D112" s="302"/>
      <c r="E112" s="303"/>
      <c r="F112" s="302"/>
      <c r="G112" s="309"/>
      <c r="H112" s="309"/>
      <c r="I112" s="309"/>
      <c r="J112" s="302"/>
      <c r="K112" s="303"/>
      <c r="L112" s="318"/>
    </row>
    <row r="113" spans="1:12" ht="10.5" customHeight="1" x14ac:dyDescent="0.2">
      <c r="A113" s="27" t="s">
        <v>2</v>
      </c>
      <c r="B113" s="303"/>
      <c r="C113" s="303"/>
      <c r="D113" s="302"/>
      <c r="E113" s="303"/>
      <c r="F113" s="302"/>
      <c r="G113" s="309"/>
      <c r="H113" s="309"/>
      <c r="I113" s="309"/>
      <c r="J113" s="302"/>
      <c r="K113" s="303"/>
      <c r="L113" s="318"/>
    </row>
    <row r="114" spans="1:12" ht="10.5" customHeight="1" x14ac:dyDescent="0.2">
      <c r="A114" s="146" t="s">
        <v>4</v>
      </c>
      <c r="B114" s="306">
        <v>0</v>
      </c>
      <c r="C114" s="306">
        <v>0</v>
      </c>
      <c r="D114" s="306">
        <v>0</v>
      </c>
      <c r="E114" s="306">
        <v>0</v>
      </c>
      <c r="F114" s="306">
        <v>0</v>
      </c>
      <c r="G114" s="306">
        <v>0</v>
      </c>
      <c r="H114" s="306">
        <v>0</v>
      </c>
      <c r="I114" s="306">
        <v>0</v>
      </c>
      <c r="J114" s="306">
        <v>0</v>
      </c>
      <c r="K114" s="303"/>
      <c r="L114" s="318"/>
    </row>
    <row r="115" spans="1:12" ht="10.5" customHeight="1" x14ac:dyDescent="0.2">
      <c r="A115" s="27" t="s">
        <v>1</v>
      </c>
      <c r="B115" s="303"/>
      <c r="C115" s="303"/>
      <c r="D115" s="302"/>
      <c r="E115" s="303"/>
      <c r="F115" s="302"/>
      <c r="G115" s="309"/>
      <c r="H115" s="309"/>
      <c r="I115" s="309"/>
      <c r="J115" s="302"/>
      <c r="K115" s="303"/>
      <c r="L115" s="318"/>
    </row>
    <row r="116" spans="1:12" ht="10.5" customHeight="1" x14ac:dyDescent="0.2">
      <c r="A116" s="28" t="s">
        <v>2</v>
      </c>
      <c r="B116" s="316"/>
      <c r="C116" s="316"/>
      <c r="D116" s="312"/>
      <c r="E116" s="316"/>
      <c r="F116" s="312"/>
      <c r="G116" s="310"/>
      <c r="H116" s="310"/>
      <c r="I116" s="310"/>
      <c r="J116" s="312"/>
      <c r="K116" s="316"/>
      <c r="L116" s="320"/>
    </row>
    <row r="117" spans="1:12" ht="10.5" x14ac:dyDescent="0.2">
      <c r="A117" s="150" t="s">
        <v>98</v>
      </c>
      <c r="B117" s="345">
        <v>13057110000</v>
      </c>
      <c r="C117" s="345">
        <v>13204326760</v>
      </c>
      <c r="D117" s="345">
        <v>2926431439.5500002</v>
      </c>
      <c r="E117" s="345">
        <v>2926431439.5500002</v>
      </c>
      <c r="F117" s="345">
        <v>10277895320.450001</v>
      </c>
      <c r="G117" s="345">
        <v>1815099321.2199998</v>
      </c>
      <c r="H117" s="345">
        <v>1815099321.2199998</v>
      </c>
      <c r="I117" s="345">
        <v>11389227438.780003</v>
      </c>
      <c r="J117" s="345">
        <v>1567967463.9200001</v>
      </c>
      <c r="K117" s="752">
        <v>0</v>
      </c>
      <c r="L117" s="753"/>
    </row>
    <row r="118" spans="1:12" ht="10.5" x14ac:dyDescent="0.2">
      <c r="A118" s="150" t="s">
        <v>99</v>
      </c>
      <c r="B118" s="342"/>
      <c r="C118" s="342"/>
      <c r="D118" s="342"/>
      <c r="E118" s="342"/>
      <c r="F118" s="342"/>
      <c r="G118" s="342"/>
      <c r="H118" s="317">
        <v>138378280.22000027</v>
      </c>
      <c r="I118" s="307"/>
      <c r="J118" s="307"/>
      <c r="K118" s="752"/>
      <c r="L118" s="753"/>
    </row>
    <row r="119" spans="1:12" ht="10.5" x14ac:dyDescent="0.2">
      <c r="A119" s="60" t="s">
        <v>100</v>
      </c>
      <c r="B119" s="346">
        <v>13057110000</v>
      </c>
      <c r="C119" s="346">
        <v>13204326760</v>
      </c>
      <c r="D119" s="346">
        <v>2926431439.5500002</v>
      </c>
      <c r="E119" s="346">
        <v>2926431439.5500002</v>
      </c>
      <c r="F119" s="344">
        <v>10277895320.450001</v>
      </c>
      <c r="G119" s="344">
        <v>1815099321.2199998</v>
      </c>
      <c r="H119" s="343">
        <v>1953477601.4400001</v>
      </c>
      <c r="I119" s="344">
        <v>11389227438.780003</v>
      </c>
      <c r="J119" s="344">
        <v>1567967463.9200001</v>
      </c>
      <c r="K119" s="754">
        <v>0</v>
      </c>
      <c r="L119" s="755"/>
    </row>
    <row r="120" spans="1:12" ht="11.25" customHeight="1" x14ac:dyDescent="0.2">
      <c r="A120" s="43" t="s">
        <v>878</v>
      </c>
      <c r="K120" s="724"/>
      <c r="L120" s="724"/>
    </row>
    <row r="121" spans="1:12" ht="11.25" customHeight="1" x14ac:dyDescent="0.2">
      <c r="D121" s="197"/>
    </row>
    <row r="122" spans="1:12" ht="11.25" customHeight="1" x14ac:dyDescent="0.2">
      <c r="D122" s="197"/>
      <c r="J122" s="197"/>
    </row>
    <row r="123" spans="1:12" ht="11.25" customHeight="1" x14ac:dyDescent="0.2">
      <c r="D123" s="197"/>
    </row>
    <row r="124" spans="1:12" ht="11.25" customHeight="1" x14ac:dyDescent="0.2">
      <c r="D124" s="197"/>
      <c r="J124" s="197"/>
    </row>
    <row r="125" spans="1:12" ht="11.25" customHeight="1" x14ac:dyDescent="0.2">
      <c r="B125" s="197"/>
      <c r="C125" s="197"/>
      <c r="D125" s="197"/>
      <c r="E125" s="197"/>
      <c r="F125" s="197"/>
      <c r="G125" s="197"/>
      <c r="H125" s="197"/>
    </row>
    <row r="126" spans="1:12" ht="11.25" customHeight="1" x14ac:dyDescent="0.2">
      <c r="B126" s="197"/>
      <c r="C126" s="197"/>
      <c r="D126" s="197"/>
      <c r="E126" s="197"/>
      <c r="F126" s="197"/>
      <c r="G126" s="197"/>
      <c r="H126" s="197"/>
    </row>
    <row r="127" spans="1:12" ht="11.25" customHeight="1" x14ac:dyDescent="0.2">
      <c r="D127" s="197"/>
    </row>
  </sheetData>
  <dataConsolidate/>
  <customSheetViews>
    <customSheetView guid="{8C4C4E05-26A9-48D7-9CF5-CBEE6AE5F4C6}" showPageBreaks="1" showGridLines="0" fitToPage="1" printArea="1" topLeftCell="A9">
      <selection activeCell="B23" sqref="B23:C23"/>
      <rowBreaks count="1" manualBreakCount="1">
        <brk id="90" max="11" man="1"/>
      </rowBreaks>
      <pageMargins left="0.19685039370078741" right="0.19685039370078741" top="0.39370078740157483" bottom="0.19685039370078741" header="0" footer="0"/>
      <printOptions horizontalCentered="1"/>
      <pageSetup paperSize="9" scale="38" orientation="portrait" r:id="rId1"/>
      <headerFooter alignWithMargins="0"/>
    </customSheetView>
    <customSheetView guid="{6F6CE139-4C01-4DC6-BA1C-5DC7C1E4A87D}" showPageBreaks="1" showGridLines="0" fitToPage="1" printArea="1" hiddenRows="1">
      <selection activeCell="B109" sqref="B109"/>
      <rowBreaks count="1" manualBreakCount="1">
        <brk id="97" max="16383" man="1"/>
      </rowBreaks>
      <pageMargins left="0.19685039370078741" right="0.19685039370078741" top="0.39370078740157483" bottom="0.19685039370078741" header="0" footer="0"/>
      <printOptions horizontalCentered="1"/>
      <pageSetup paperSize="9" scale="37" orientation="portrait" r:id="rId2"/>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3"/>
      <headerFooter alignWithMargins="0"/>
    </customSheetView>
    <customSheetView guid="{82EDB5A4-4824-4632-A540-7A52C92F04C7}" scale="90" showPageBreaks="1" showGridLines="0" fitToPage="1" printArea="1" topLeftCell="B52">
      <selection activeCell="A138" sqref="A138:XFD138"/>
      <rowBreaks count="1" manualBreakCount="1">
        <brk id="98" max="11" man="1"/>
      </rowBreaks>
      <pageMargins left="0.19685039370078741" right="0.19685039370078741" top="0.19685039370078741" bottom="0.19685039370078741" header="0" footer="0.19685039370078741"/>
      <printOptions horizontalCentered="1"/>
      <pageSetup paperSize="9" scale="38" orientation="portrait" r:id="rId4"/>
      <headerFooter alignWithMargins="0"/>
    </customSheetView>
    <customSheetView guid="{6DBFA32C-4AA4-4E1D-9A48-697377C64CC3}" scale="90" showGridLines="0" fitToPage="1" hiddenRows="1" topLeftCell="A99">
      <selection activeCell="B109" sqref="B109"/>
      <rowBreaks count="1" manualBreakCount="1">
        <brk id="97" max="16383" man="1"/>
      </rowBreaks>
      <pageMargins left="0.19685039370078741" right="0.19685039370078741" top="0.39370078740157483" bottom="0.19685039370078741" header="0" footer="0"/>
      <printOptions horizontalCentered="1"/>
      <pageSetup paperSize="9" scale="37" orientation="portrait" r:id="rId5"/>
      <headerFooter alignWithMargins="0"/>
    </customSheetView>
    <customSheetView guid="{3AAF6A5F-F9AA-430B-9AD9-1261ECDF41B5}" showPageBreaks="1" showGridLines="0" fitToPage="1" printArea="1" hiddenRows="1" topLeftCell="A95">
      <selection activeCell="B108" sqref="B108"/>
      <rowBreaks count="1" manualBreakCount="1">
        <brk id="98" max="11" man="1"/>
      </rowBreaks>
      <pageMargins left="0.19685039370078741" right="0.19685039370078741" top="0.19685039370078741" bottom="0.19685039370078741" header="0" footer="0"/>
      <printOptions horizontalCentered="1"/>
      <pageSetup paperSize="9" scale="37" orientation="portrait" r:id="rId6"/>
      <headerFooter alignWithMargins="0"/>
    </customSheetView>
    <customSheetView guid="{25EF1E0D-169B-4051-B414-7E1196FC05E4}" showPageBreaks="1" showGridLines="0" fitToPage="1" printArea="1" topLeftCell="D76">
      <selection activeCell="K89" sqref="K89"/>
      <rowBreaks count="1" manualBreakCount="1">
        <brk id="97" max="16383" man="1"/>
      </rowBreaks>
      <pageMargins left="0.19685039370078741" right="0.19685039370078741" top="0.19685039370078741" bottom="0.19685039370078741" header="0" footer="0"/>
      <printOptions horizontalCentered="1"/>
      <pageSetup paperSize="9" scale="38" orientation="portrait" r:id="rId7"/>
      <headerFooter alignWithMargins="0"/>
    </customSheetView>
  </customSheetViews>
  <mergeCells count="321">
    <mergeCell ref="A2:L2"/>
    <mergeCell ref="K118:L118"/>
    <mergeCell ref="K119:L119"/>
    <mergeCell ref="K117:L117"/>
    <mergeCell ref="K108:L108"/>
    <mergeCell ref="K110:L110"/>
    <mergeCell ref="K102:L102"/>
    <mergeCell ref="K103:L103"/>
    <mergeCell ref="K104:L104"/>
    <mergeCell ref="K105:L105"/>
    <mergeCell ref="K106:L106"/>
    <mergeCell ref="K97:L97"/>
    <mergeCell ref="B83:C83"/>
    <mergeCell ref="I83:J83"/>
    <mergeCell ref="I84:J84"/>
    <mergeCell ref="B84:C84"/>
    <mergeCell ref="D84:E84"/>
    <mergeCell ref="F84:G84"/>
    <mergeCell ref="F83:G83"/>
    <mergeCell ref="B75:C75"/>
    <mergeCell ref="F75:G75"/>
    <mergeCell ref="B76:C76"/>
    <mergeCell ref="D76:E76"/>
    <mergeCell ref="F76:G76"/>
    <mergeCell ref="I76:J76"/>
    <mergeCell ref="D75:E75"/>
    <mergeCell ref="B73:C73"/>
    <mergeCell ref="D73:E73"/>
    <mergeCell ref="F73:G73"/>
    <mergeCell ref="I73:J73"/>
    <mergeCell ref="B74:C74"/>
    <mergeCell ref="D74:E74"/>
    <mergeCell ref="F74:G74"/>
    <mergeCell ref="I74:J74"/>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6:C36"/>
    <mergeCell ref="D36:E36"/>
    <mergeCell ref="F36:G36"/>
    <mergeCell ref="I36:J36"/>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33:C33"/>
    <mergeCell ref="D33:E33"/>
    <mergeCell ref="F33:G33"/>
    <mergeCell ref="B23:C23"/>
    <mergeCell ref="D23:E23"/>
    <mergeCell ref="F23:G23"/>
    <mergeCell ref="I23:J23"/>
    <mergeCell ref="B16:C16"/>
    <mergeCell ref="D16:E16"/>
    <mergeCell ref="B35:C35"/>
    <mergeCell ref="D35:E35"/>
    <mergeCell ref="F35:G35"/>
    <mergeCell ref="I35:J35"/>
    <mergeCell ref="I33:J33"/>
    <mergeCell ref="B34:C34"/>
    <mergeCell ref="D34:E34"/>
    <mergeCell ref="F34:G34"/>
    <mergeCell ref="I34:J34"/>
    <mergeCell ref="B17:C17"/>
    <mergeCell ref="B18:C18"/>
    <mergeCell ref="B21:C21"/>
    <mergeCell ref="B22:C22"/>
    <mergeCell ref="D21:E21"/>
    <mergeCell ref="F21:G21"/>
    <mergeCell ref="D22:E22"/>
    <mergeCell ref="F22:G22"/>
    <mergeCell ref="I21:J21"/>
    <mergeCell ref="B28:C28"/>
    <mergeCell ref="D28:E28"/>
    <mergeCell ref="F28:G28"/>
    <mergeCell ref="I28:J28"/>
    <mergeCell ref="B32:C32"/>
    <mergeCell ref="D32:E32"/>
    <mergeCell ref="F32:G32"/>
    <mergeCell ref="I32:J32"/>
    <mergeCell ref="I15:J15"/>
    <mergeCell ref="B15:C15"/>
    <mergeCell ref="B24:C24"/>
    <mergeCell ref="D24:E24"/>
    <mergeCell ref="F24:G24"/>
    <mergeCell ref="I24:J24"/>
    <mergeCell ref="B25:C25"/>
    <mergeCell ref="D25:E25"/>
    <mergeCell ref="F25:G25"/>
    <mergeCell ref="B27:C27"/>
    <mergeCell ref="D27:E27"/>
    <mergeCell ref="F27:G27"/>
    <mergeCell ref="B19:C19"/>
    <mergeCell ref="B20:C20"/>
    <mergeCell ref="D20:E20"/>
    <mergeCell ref="F20:G20"/>
    <mergeCell ref="I16:J16"/>
    <mergeCell ref="D17:E17"/>
    <mergeCell ref="F17:G17"/>
    <mergeCell ref="I17:J17"/>
    <mergeCell ref="I18:J18"/>
    <mergeCell ref="D18:E18"/>
    <mergeCell ref="F18:G18"/>
    <mergeCell ref="I75:J75"/>
    <mergeCell ref="F16:G16"/>
    <mergeCell ref="I20:J20"/>
    <mergeCell ref="I22:J22"/>
    <mergeCell ref="I19:J19"/>
    <mergeCell ref="F19:G19"/>
    <mergeCell ref="D19:E19"/>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B13:C13"/>
    <mergeCell ref="D13:E13"/>
    <mergeCell ref="F13:G13"/>
    <mergeCell ref="I13:J13"/>
    <mergeCell ref="B14:C14"/>
    <mergeCell ref="D14:E14"/>
    <mergeCell ref="F15:G15"/>
    <mergeCell ref="F14:G14"/>
    <mergeCell ref="K120:L120"/>
    <mergeCell ref="K96:L96"/>
    <mergeCell ref="J91:J93"/>
    <mergeCell ref="I87:J87"/>
    <mergeCell ref="I88:J88"/>
    <mergeCell ref="F88:G88"/>
    <mergeCell ref="I14:J14"/>
    <mergeCell ref="D15:E15"/>
    <mergeCell ref="F91:F93"/>
    <mergeCell ref="I91:I93"/>
    <mergeCell ref="I27:J27"/>
    <mergeCell ref="D83:E83"/>
    <mergeCell ref="F85:G85"/>
    <mergeCell ref="D86:E86"/>
    <mergeCell ref="I86:J86"/>
    <mergeCell ref="D88:E88"/>
    <mergeCell ref="A91:A94"/>
    <mergeCell ref="B88:C88"/>
    <mergeCell ref="B87:C87"/>
    <mergeCell ref="K109:L109"/>
    <mergeCell ref="B85:C85"/>
    <mergeCell ref="I85:J85"/>
    <mergeCell ref="B86:C86"/>
    <mergeCell ref="K98:L98"/>
    <mergeCell ref="K99:L99"/>
    <mergeCell ref="K100:L100"/>
    <mergeCell ref="K101:L101"/>
    <mergeCell ref="G91:H91"/>
    <mergeCell ref="K91:L94"/>
    <mergeCell ref="K95:L95"/>
    <mergeCell ref="D91:E91"/>
    <mergeCell ref="D85:E85"/>
    <mergeCell ref="D87:E87"/>
    <mergeCell ref="F87:G87"/>
    <mergeCell ref="F86:G86"/>
  </mergeCells>
  <phoneticPr fontId="1" type="noConversion"/>
  <printOptions horizontalCentered="1"/>
  <pageMargins left="0.19685039370078741" right="0.19685039370078741" top="0.39370078740157483" bottom="0.19685039370078741" header="0" footer="0"/>
  <pageSetup paperSize="9" scale="37" orientation="portrait" r:id="rId8"/>
  <headerFooter alignWithMargins="0"/>
  <rowBreaks count="1" manualBreakCount="1">
    <brk id="90" max="11"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B050"/>
    <pageSetUpPr fitToPage="1"/>
  </sheetPr>
  <dimension ref="A1:H97"/>
  <sheetViews>
    <sheetView showGridLines="0" zoomScaleNormal="100" workbookViewId="0"/>
  </sheetViews>
  <sheetFormatPr defaultColWidth="3.28515625" defaultRowHeight="11.25" customHeight="1" x14ac:dyDescent="0.2"/>
  <cols>
    <col min="1" max="1" width="55.7109375" style="43" customWidth="1"/>
    <col min="2" max="3" width="19.140625" style="43" customWidth="1"/>
    <col min="4" max="4" width="20.140625" style="43" customWidth="1"/>
    <col min="5" max="5" width="16.140625" style="43" bestFit="1" customWidth="1"/>
    <col min="6" max="6" width="17.28515625" style="43" bestFit="1" customWidth="1"/>
    <col min="7" max="7" width="18.28515625" style="43" bestFit="1" customWidth="1"/>
    <col min="8" max="8" width="36.5703125" style="210" customWidth="1"/>
    <col min="9" max="16384" width="3.28515625" style="1"/>
  </cols>
  <sheetData>
    <row r="1" spans="1:8" s="24" customFormat="1" ht="14.25" customHeight="1" x14ac:dyDescent="0.2">
      <c r="A1" s="349"/>
      <c r="B1" s="349"/>
      <c r="C1" s="349"/>
      <c r="D1" s="349"/>
      <c r="E1" s="349"/>
      <c r="F1" s="349"/>
      <c r="G1" s="349"/>
      <c r="H1" s="111"/>
    </row>
    <row r="2" spans="1:8" s="24" customFormat="1" ht="14.25" customHeight="1" x14ac:dyDescent="0.2">
      <c r="A2" s="349"/>
      <c r="B2" s="349"/>
      <c r="C2" s="349"/>
      <c r="D2" s="349"/>
      <c r="E2" s="349"/>
      <c r="F2" s="349"/>
      <c r="G2" s="349"/>
      <c r="H2" s="111"/>
    </row>
    <row r="3" spans="1:8" s="43" customFormat="1" ht="10.5" x14ac:dyDescent="0.2">
      <c r="A3" s="731" t="s">
        <v>640</v>
      </c>
      <c r="B3" s="731"/>
      <c r="C3" s="731"/>
      <c r="D3" s="731"/>
      <c r="E3" s="731"/>
      <c r="F3" s="731"/>
      <c r="G3" s="731"/>
      <c r="H3" s="61"/>
    </row>
    <row r="4" spans="1:8" s="43" customFormat="1" ht="10.5" x14ac:dyDescent="0.2">
      <c r="A4" s="731" t="s">
        <v>105</v>
      </c>
      <c r="B4" s="731"/>
      <c r="C4" s="731"/>
      <c r="D4" s="731"/>
      <c r="E4" s="731"/>
      <c r="F4" s="731"/>
      <c r="G4" s="731"/>
      <c r="H4" s="61"/>
    </row>
    <row r="5" spans="1:8" s="43" customFormat="1" ht="10.5" x14ac:dyDescent="0.2">
      <c r="A5" s="731" t="s">
        <v>211</v>
      </c>
      <c r="B5" s="731"/>
      <c r="C5" s="731"/>
      <c r="D5" s="731"/>
      <c r="E5" s="731"/>
      <c r="F5" s="731"/>
      <c r="G5" s="731"/>
      <c r="H5" s="61"/>
    </row>
    <row r="6" spans="1:8" s="43" customFormat="1" ht="10.5" customHeight="1" x14ac:dyDescent="0.2">
      <c r="A6" s="731" t="s">
        <v>107</v>
      </c>
      <c r="B6" s="731"/>
      <c r="C6" s="731"/>
      <c r="D6" s="731"/>
      <c r="E6" s="731"/>
      <c r="F6" s="731"/>
      <c r="G6" s="731"/>
      <c r="H6" s="61"/>
    </row>
    <row r="7" spans="1:8" s="43" customFormat="1" ht="10.5" customHeight="1" x14ac:dyDescent="0.2">
      <c r="A7" s="731" t="s">
        <v>641</v>
      </c>
      <c r="B7" s="731"/>
      <c r="C7" s="731"/>
      <c r="D7" s="731"/>
      <c r="E7" s="731"/>
      <c r="F7" s="731"/>
      <c r="G7" s="731"/>
      <c r="H7" s="61"/>
    </row>
    <row r="8" spans="1:8" s="24" customFormat="1" ht="10.5" x14ac:dyDescent="0.2">
      <c r="H8" s="111"/>
    </row>
    <row r="9" spans="1:8" s="24" customFormat="1" ht="10.5" x14ac:dyDescent="0.2">
      <c r="A9" s="124" t="s">
        <v>367</v>
      </c>
      <c r="G9" s="221">
        <v>1</v>
      </c>
      <c r="H9" s="111"/>
    </row>
    <row r="10" spans="1:8" ht="15" customHeight="1" x14ac:dyDescent="0.2">
      <c r="A10" s="783" t="s">
        <v>213</v>
      </c>
      <c r="B10" s="740" t="s">
        <v>313</v>
      </c>
      <c r="C10" s="741"/>
      <c r="D10" s="741"/>
      <c r="E10" s="741"/>
      <c r="F10" s="741"/>
      <c r="G10" s="741"/>
    </row>
    <row r="11" spans="1:8" ht="15" customHeight="1" x14ac:dyDescent="0.2">
      <c r="A11" s="784"/>
      <c r="B11" s="740" t="s">
        <v>212</v>
      </c>
      <c r="C11" s="871"/>
      <c r="D11" s="779" t="s">
        <v>430</v>
      </c>
      <c r="E11" s="779" t="s">
        <v>218</v>
      </c>
      <c r="F11" s="779" t="s">
        <v>217</v>
      </c>
      <c r="G11" s="872" t="s">
        <v>429</v>
      </c>
    </row>
    <row r="12" spans="1:8" ht="10.5" customHeight="1" x14ac:dyDescent="0.2">
      <c r="A12" s="784"/>
      <c r="B12" s="207" t="s">
        <v>312</v>
      </c>
      <c r="C12" s="205" t="s">
        <v>214</v>
      </c>
      <c r="D12" s="841"/>
      <c r="E12" s="841"/>
      <c r="F12" s="841"/>
      <c r="G12" s="873"/>
    </row>
    <row r="13" spans="1:8" ht="10.5" x14ac:dyDescent="0.2">
      <c r="A13" s="784"/>
      <c r="B13" s="205" t="s">
        <v>215</v>
      </c>
      <c r="C13" s="205" t="s">
        <v>216</v>
      </c>
      <c r="D13" s="841"/>
      <c r="E13" s="841"/>
      <c r="F13" s="841"/>
      <c r="G13" s="873" t="s">
        <v>116</v>
      </c>
    </row>
    <row r="14" spans="1:8" ht="13.5" customHeight="1" x14ac:dyDescent="0.2">
      <c r="A14" s="785"/>
      <c r="B14" s="203" t="s">
        <v>219</v>
      </c>
      <c r="C14" s="203">
        <v>2014</v>
      </c>
      <c r="D14" s="780"/>
      <c r="E14" s="780"/>
      <c r="F14" s="780"/>
      <c r="G14" s="874"/>
    </row>
    <row r="15" spans="1:8" s="65" customFormat="1" ht="15" customHeight="1" x14ac:dyDescent="0.2">
      <c r="A15" s="212" t="s">
        <v>101</v>
      </c>
      <c r="B15" s="339">
        <v>1188473.26</v>
      </c>
      <c r="C15" s="339">
        <v>111982821.17999999</v>
      </c>
      <c r="D15" s="339">
        <v>4789862.1100000003</v>
      </c>
      <c r="E15" s="339">
        <v>18793675.52</v>
      </c>
      <c r="F15" s="339">
        <v>20068.140000000003</v>
      </c>
      <c r="G15" s="427">
        <v>94357550.779999986</v>
      </c>
      <c r="H15" s="155"/>
    </row>
    <row r="16" spans="1:8" ht="10.5" x14ac:dyDescent="0.2">
      <c r="A16" s="24"/>
      <c r="B16" s="580"/>
      <c r="C16" s="580"/>
      <c r="D16" s="580"/>
      <c r="E16" s="580"/>
      <c r="F16" s="579"/>
      <c r="G16" s="579"/>
      <c r="H16" s="155"/>
    </row>
    <row r="17" spans="1:8" s="65" customFormat="1" ht="10.5" x14ac:dyDescent="0.2">
      <c r="A17" s="212" t="s">
        <v>782</v>
      </c>
      <c r="B17" s="339">
        <v>1188473.26</v>
      </c>
      <c r="C17" s="339">
        <v>97720106.319999993</v>
      </c>
      <c r="D17" s="663">
        <v>4290891.57</v>
      </c>
      <c r="E17" s="339">
        <v>11226219.790000001</v>
      </c>
      <c r="F17" s="339">
        <v>20068.140000000003</v>
      </c>
      <c r="G17" s="428">
        <v>87662291.649999991</v>
      </c>
      <c r="H17" s="155"/>
    </row>
    <row r="18" spans="1:8" s="270" customFormat="1" ht="10.5" x14ac:dyDescent="0.2">
      <c r="A18" s="24"/>
      <c r="B18" s="580"/>
      <c r="C18" s="580"/>
      <c r="D18" s="580"/>
      <c r="E18" s="580"/>
      <c r="F18" s="579"/>
      <c r="G18" s="579"/>
      <c r="H18" s="210"/>
    </row>
    <row r="19" spans="1:8" s="65" customFormat="1" ht="10.5" x14ac:dyDescent="0.2">
      <c r="A19" s="223" t="s">
        <v>783</v>
      </c>
      <c r="B19" s="339">
        <v>0</v>
      </c>
      <c r="C19" s="339">
        <v>0</v>
      </c>
      <c r="D19" s="339">
        <v>0</v>
      </c>
      <c r="E19" s="339">
        <v>0</v>
      </c>
      <c r="F19" s="339">
        <v>0</v>
      </c>
      <c r="G19" s="428">
        <v>0</v>
      </c>
      <c r="H19" s="155"/>
    </row>
    <row r="20" spans="1:8" s="270" customFormat="1" ht="10.5" x14ac:dyDescent="0.2">
      <c r="A20" s="125" t="s">
        <v>784</v>
      </c>
      <c r="B20" s="580"/>
      <c r="C20" s="579"/>
      <c r="D20" s="579"/>
      <c r="E20" s="579"/>
      <c r="F20" s="579"/>
      <c r="G20" s="579">
        <v>0</v>
      </c>
      <c r="H20" s="210"/>
    </row>
    <row r="21" spans="1:8" s="270" customFormat="1" ht="10.5" x14ac:dyDescent="0.2">
      <c r="A21" s="125" t="s">
        <v>785</v>
      </c>
      <c r="B21" s="580"/>
      <c r="C21" s="580"/>
      <c r="D21" s="580"/>
      <c r="E21" s="580"/>
      <c r="F21" s="579"/>
      <c r="G21" s="579">
        <v>0</v>
      </c>
      <c r="H21" s="210"/>
    </row>
    <row r="22" spans="1:8" s="270" customFormat="1" ht="10.5" x14ac:dyDescent="0.2">
      <c r="A22" s="125" t="s">
        <v>786</v>
      </c>
      <c r="B22" s="580"/>
      <c r="C22" s="580"/>
      <c r="D22" s="580"/>
      <c r="E22" s="580"/>
      <c r="F22" s="579"/>
      <c r="G22" s="579">
        <v>0</v>
      </c>
      <c r="H22" s="210"/>
    </row>
    <row r="23" spans="1:8" s="270" customFormat="1" ht="10.5" x14ac:dyDescent="0.2">
      <c r="A23" s="24"/>
      <c r="B23" s="580"/>
      <c r="C23" s="580"/>
      <c r="D23" s="580"/>
      <c r="E23" s="580"/>
      <c r="F23" s="579"/>
      <c r="G23" s="579"/>
      <c r="H23" s="210"/>
    </row>
    <row r="24" spans="1:8" s="65" customFormat="1" ht="10.5" x14ac:dyDescent="0.2">
      <c r="A24" s="223" t="s">
        <v>787</v>
      </c>
      <c r="B24" s="339">
        <v>0</v>
      </c>
      <c r="C24" s="339">
        <v>8303103.4199999999</v>
      </c>
      <c r="D24" s="339">
        <v>490295.78000000026</v>
      </c>
      <c r="E24" s="339">
        <v>5459313.5899999999</v>
      </c>
      <c r="F24" s="339">
        <v>0</v>
      </c>
      <c r="G24" s="428">
        <v>2843789.83</v>
      </c>
      <c r="H24" s="155"/>
    </row>
    <row r="25" spans="1:8" s="270" customFormat="1" ht="10.5" x14ac:dyDescent="0.2">
      <c r="A25" s="125" t="s">
        <v>788</v>
      </c>
      <c r="B25" s="580"/>
      <c r="C25" s="580"/>
      <c r="D25" s="580"/>
      <c r="E25" s="580"/>
      <c r="F25" s="579"/>
      <c r="G25" s="579">
        <v>0</v>
      </c>
      <c r="H25" s="210"/>
    </row>
    <row r="26" spans="1:8" s="270" customFormat="1" ht="10.5" x14ac:dyDescent="0.2">
      <c r="A26" s="125" t="s">
        <v>789</v>
      </c>
      <c r="B26" s="580"/>
      <c r="C26" s="580">
        <v>8303103.4199999999</v>
      </c>
      <c r="D26" s="580">
        <v>490295.78000000026</v>
      </c>
      <c r="E26" s="580">
        <v>5459313.5899999999</v>
      </c>
      <c r="F26" s="579"/>
      <c r="G26" s="579">
        <v>2843789.83</v>
      </c>
      <c r="H26" s="210"/>
    </row>
    <row r="27" spans="1:8" s="270" customFormat="1" ht="10.5" x14ac:dyDescent="0.2">
      <c r="A27" s="24"/>
      <c r="B27" s="580"/>
      <c r="C27" s="580"/>
      <c r="D27" s="580"/>
      <c r="E27" s="580"/>
      <c r="F27" s="579"/>
      <c r="G27" s="579"/>
      <c r="H27" s="210"/>
    </row>
    <row r="28" spans="1:8" s="65" customFormat="1" ht="10.5" x14ac:dyDescent="0.2">
      <c r="A28" s="223" t="s">
        <v>230</v>
      </c>
      <c r="B28" s="339">
        <v>0</v>
      </c>
      <c r="C28" s="339">
        <v>5959611.4399999995</v>
      </c>
      <c r="D28" s="339">
        <v>8674.7599999997728</v>
      </c>
      <c r="E28" s="339">
        <v>2108142.14</v>
      </c>
      <c r="F28" s="339">
        <v>0</v>
      </c>
      <c r="G28" s="428">
        <v>3851469.3</v>
      </c>
      <c r="H28" s="155"/>
    </row>
    <row r="29" spans="1:8" s="270" customFormat="1" ht="10.5" x14ac:dyDescent="0.2">
      <c r="A29" s="125" t="s">
        <v>790</v>
      </c>
      <c r="B29" s="580"/>
      <c r="C29" s="580">
        <v>4964530.92</v>
      </c>
      <c r="D29" s="580">
        <v>8349.7599999997765</v>
      </c>
      <c r="E29" s="580">
        <v>2087173.1700000002</v>
      </c>
      <c r="F29" s="579"/>
      <c r="G29" s="579">
        <v>2877357.75</v>
      </c>
      <c r="H29" s="210"/>
    </row>
    <row r="30" spans="1:8" s="270" customFormat="1" ht="10.5" x14ac:dyDescent="0.2">
      <c r="A30" s="125" t="s">
        <v>791</v>
      </c>
      <c r="B30" s="580"/>
      <c r="C30" s="580">
        <v>995080.52</v>
      </c>
      <c r="D30" s="580">
        <v>324.99999999999636</v>
      </c>
      <c r="E30" s="580">
        <v>20968.97</v>
      </c>
      <c r="F30" s="579"/>
      <c r="G30" s="579">
        <v>974111.55</v>
      </c>
      <c r="H30" s="210"/>
    </row>
    <row r="31" spans="1:8" s="270" customFormat="1" ht="10.5" x14ac:dyDescent="0.2">
      <c r="A31" s="24"/>
      <c r="B31" s="580"/>
      <c r="C31" s="580"/>
      <c r="D31" s="580"/>
      <c r="E31" s="580"/>
      <c r="F31" s="579"/>
      <c r="G31" s="579">
        <v>0</v>
      </c>
      <c r="H31" s="210"/>
    </row>
    <row r="32" spans="1:8" s="65" customFormat="1" ht="10.5" x14ac:dyDescent="0.2">
      <c r="A32" s="223" t="s">
        <v>102</v>
      </c>
      <c r="B32" s="339">
        <v>0</v>
      </c>
      <c r="C32" s="339">
        <v>335264.88</v>
      </c>
      <c r="D32" s="339">
        <v>0</v>
      </c>
      <c r="E32" s="339">
        <v>0</v>
      </c>
      <c r="F32" s="339">
        <v>0</v>
      </c>
      <c r="G32" s="428">
        <v>335264.88</v>
      </c>
      <c r="H32" s="155"/>
    </row>
    <row r="33" spans="1:8" s="211" customFormat="1" ht="10.5" x14ac:dyDescent="0.2">
      <c r="A33" s="223"/>
      <c r="B33" s="339"/>
      <c r="C33" s="580"/>
      <c r="D33" s="580"/>
      <c r="E33" s="580"/>
      <c r="F33" s="579"/>
      <c r="G33" s="428">
        <v>0</v>
      </c>
      <c r="H33" s="210"/>
    </row>
    <row r="34" spans="1:8" s="65" customFormat="1" ht="10.5" x14ac:dyDescent="0.2">
      <c r="A34" s="223" t="s">
        <v>782</v>
      </c>
      <c r="B34" s="339">
        <v>0</v>
      </c>
      <c r="C34" s="339">
        <v>335264.88</v>
      </c>
      <c r="D34" s="339">
        <v>0</v>
      </c>
      <c r="E34" s="339">
        <v>0</v>
      </c>
      <c r="F34" s="428">
        <v>0</v>
      </c>
      <c r="G34" s="428">
        <v>335264.88</v>
      </c>
      <c r="H34" s="155"/>
    </row>
    <row r="35" spans="1:8" s="211" customFormat="1" ht="10.5" x14ac:dyDescent="0.2">
      <c r="A35" s="223"/>
      <c r="B35" s="339"/>
      <c r="C35" s="580"/>
      <c r="D35" s="580"/>
      <c r="E35" s="580"/>
      <c r="F35" s="579"/>
      <c r="G35" s="579"/>
      <c r="H35" s="210"/>
    </row>
    <row r="36" spans="1:8" s="65" customFormat="1" ht="10.5" x14ac:dyDescent="0.2">
      <c r="A36" s="223" t="s">
        <v>783</v>
      </c>
      <c r="B36" s="339">
        <v>0</v>
      </c>
      <c r="C36" s="339">
        <v>0</v>
      </c>
      <c r="D36" s="339">
        <v>0</v>
      </c>
      <c r="E36" s="339">
        <v>0</v>
      </c>
      <c r="F36" s="339">
        <v>0</v>
      </c>
      <c r="G36" s="428">
        <v>0</v>
      </c>
      <c r="H36" s="155"/>
    </row>
    <row r="37" spans="1:8" s="270" customFormat="1" ht="10.5" x14ac:dyDescent="0.2">
      <c r="A37" s="125" t="s">
        <v>784</v>
      </c>
      <c r="B37" s="580"/>
      <c r="C37" s="580"/>
      <c r="D37" s="580"/>
      <c r="E37" s="580"/>
      <c r="F37" s="579"/>
      <c r="G37" s="579">
        <v>0</v>
      </c>
      <c r="H37" s="210"/>
    </row>
    <row r="38" spans="1:8" s="270" customFormat="1" ht="10.5" x14ac:dyDescent="0.2">
      <c r="A38" s="125" t="s">
        <v>785</v>
      </c>
      <c r="B38" s="580"/>
      <c r="C38" s="580"/>
      <c r="D38" s="580"/>
      <c r="E38" s="580"/>
      <c r="F38" s="579"/>
      <c r="G38" s="579">
        <v>0</v>
      </c>
      <c r="H38" s="210"/>
    </row>
    <row r="39" spans="1:8" s="270" customFormat="1" ht="10.5" x14ac:dyDescent="0.2">
      <c r="A39" s="125" t="s">
        <v>786</v>
      </c>
      <c r="B39" s="580"/>
      <c r="C39" s="580"/>
      <c r="D39" s="580"/>
      <c r="E39" s="580"/>
      <c r="F39" s="579"/>
      <c r="G39" s="579">
        <v>0</v>
      </c>
      <c r="H39" s="210"/>
    </row>
    <row r="40" spans="1:8" s="270" customFormat="1" ht="10.5" x14ac:dyDescent="0.2">
      <c r="A40" s="125"/>
      <c r="B40" s="580"/>
      <c r="C40" s="580"/>
      <c r="D40" s="580"/>
      <c r="E40" s="580"/>
      <c r="F40" s="579"/>
      <c r="G40" s="579"/>
      <c r="H40" s="210"/>
    </row>
    <row r="41" spans="1:8" s="65" customFormat="1" ht="10.5" x14ac:dyDescent="0.2">
      <c r="A41" s="223" t="s">
        <v>787</v>
      </c>
      <c r="B41" s="339">
        <v>0</v>
      </c>
      <c r="C41" s="339">
        <v>0</v>
      </c>
      <c r="D41" s="339">
        <v>0</v>
      </c>
      <c r="E41" s="339">
        <v>0</v>
      </c>
      <c r="F41" s="339">
        <v>0</v>
      </c>
      <c r="G41" s="428">
        <v>0</v>
      </c>
      <c r="H41" s="155"/>
    </row>
    <row r="42" spans="1:8" s="270" customFormat="1" ht="10.5" x14ac:dyDescent="0.2">
      <c r="A42" s="125" t="s">
        <v>788</v>
      </c>
      <c r="B42" s="580"/>
      <c r="C42" s="580"/>
      <c r="D42" s="580"/>
      <c r="E42" s="580"/>
      <c r="F42" s="579"/>
      <c r="G42" s="579">
        <v>0</v>
      </c>
      <c r="H42" s="210"/>
    </row>
    <row r="43" spans="1:8" s="270" customFormat="1" ht="10.5" x14ac:dyDescent="0.2">
      <c r="A43" s="125" t="s">
        <v>789</v>
      </c>
      <c r="B43" s="580"/>
      <c r="C43" s="580"/>
      <c r="D43" s="580"/>
      <c r="E43" s="580"/>
      <c r="F43" s="579"/>
      <c r="G43" s="579">
        <v>0</v>
      </c>
      <c r="H43" s="210"/>
    </row>
    <row r="44" spans="1:8" s="270" customFormat="1" ht="10.5" x14ac:dyDescent="0.2">
      <c r="A44" s="125"/>
      <c r="B44" s="580"/>
      <c r="C44" s="580"/>
      <c r="D44" s="580"/>
      <c r="E44" s="580"/>
      <c r="F44" s="579"/>
      <c r="G44" s="579"/>
      <c r="H44" s="210"/>
    </row>
    <row r="45" spans="1:8" s="65" customFormat="1" ht="10.5" x14ac:dyDescent="0.2">
      <c r="A45" s="223" t="s">
        <v>230</v>
      </c>
      <c r="B45" s="339">
        <v>0</v>
      </c>
      <c r="C45" s="339">
        <v>0</v>
      </c>
      <c r="D45" s="339">
        <v>0</v>
      </c>
      <c r="E45" s="339">
        <v>0</v>
      </c>
      <c r="F45" s="339">
        <v>0</v>
      </c>
      <c r="G45" s="428">
        <v>0</v>
      </c>
      <c r="H45" s="155"/>
    </row>
    <row r="46" spans="1:8" s="270" customFormat="1" ht="10.5" x14ac:dyDescent="0.2">
      <c r="A46" s="125" t="s">
        <v>790</v>
      </c>
      <c r="B46" s="580"/>
      <c r="C46" s="580"/>
      <c r="D46" s="580"/>
      <c r="E46" s="580"/>
      <c r="F46" s="579"/>
      <c r="G46" s="579">
        <v>0</v>
      </c>
      <c r="H46" s="210"/>
    </row>
    <row r="47" spans="1:8" s="270" customFormat="1" ht="15" customHeight="1" x14ac:dyDescent="0.2">
      <c r="A47" s="125" t="s">
        <v>791</v>
      </c>
      <c r="B47" s="580"/>
      <c r="C47" s="580"/>
      <c r="D47" s="580"/>
      <c r="E47" s="580"/>
      <c r="F47" s="579"/>
      <c r="G47" s="579">
        <v>0</v>
      </c>
      <c r="H47" s="210"/>
    </row>
    <row r="48" spans="1:8" ht="15" customHeight="1" x14ac:dyDescent="0.2">
      <c r="A48" s="25" t="s">
        <v>222</v>
      </c>
      <c r="B48" s="451">
        <v>1188473.26</v>
      </c>
      <c r="C48" s="451">
        <v>112318086.05999999</v>
      </c>
      <c r="D48" s="451">
        <v>4789862.1100000003</v>
      </c>
      <c r="E48" s="363">
        <v>18793675.52</v>
      </c>
      <c r="F48" s="363">
        <v>20068.140000000003</v>
      </c>
      <c r="G48" s="583">
        <v>94692815.659999982</v>
      </c>
      <c r="H48" s="664"/>
    </row>
    <row r="49" spans="1:8" ht="5.0999999999999996" customHeight="1" x14ac:dyDescent="0.2">
      <c r="A49" s="64"/>
      <c r="B49" s="311"/>
      <c r="C49" s="1"/>
      <c r="D49" s="197"/>
      <c r="E49" s="197"/>
      <c r="F49" s="1"/>
      <c r="G49" s="110"/>
    </row>
    <row r="50" spans="1:8" ht="30" customHeight="1" x14ac:dyDescent="0.2">
      <c r="A50" s="783" t="s">
        <v>213</v>
      </c>
      <c r="B50" s="776" t="s">
        <v>535</v>
      </c>
      <c r="C50" s="777"/>
      <c r="D50" s="777"/>
      <c r="E50" s="777"/>
      <c r="F50" s="778"/>
      <c r="G50" s="829" t="s">
        <v>455</v>
      </c>
    </row>
    <row r="51" spans="1:8" ht="15" customHeight="1" x14ac:dyDescent="0.2">
      <c r="A51" s="784"/>
      <c r="B51" s="740" t="s">
        <v>212</v>
      </c>
      <c r="C51" s="871"/>
      <c r="D51" s="779" t="s">
        <v>218</v>
      </c>
      <c r="E51" s="779" t="s">
        <v>217</v>
      </c>
      <c r="F51" s="872" t="s">
        <v>429</v>
      </c>
      <c r="G51" s="807"/>
    </row>
    <row r="52" spans="1:8" ht="11.25" customHeight="1" x14ac:dyDescent="0.2">
      <c r="A52" s="784"/>
      <c r="B52" s="201" t="s">
        <v>312</v>
      </c>
      <c r="C52" s="202" t="s">
        <v>214</v>
      </c>
      <c r="D52" s="841"/>
      <c r="E52" s="841"/>
      <c r="F52" s="873"/>
      <c r="G52" s="807"/>
    </row>
    <row r="53" spans="1:8" ht="11.25" customHeight="1" x14ac:dyDescent="0.2">
      <c r="A53" s="784"/>
      <c r="B53" s="205" t="s">
        <v>215</v>
      </c>
      <c r="C53" s="205" t="s">
        <v>216</v>
      </c>
      <c r="D53" s="841"/>
      <c r="E53" s="841"/>
      <c r="F53" s="873" t="s">
        <v>117</v>
      </c>
      <c r="G53" s="807"/>
    </row>
    <row r="54" spans="1:8" ht="11.25" customHeight="1" x14ac:dyDescent="0.2">
      <c r="A54" s="785"/>
      <c r="B54" s="203" t="s">
        <v>219</v>
      </c>
      <c r="C54" s="203">
        <v>2014</v>
      </c>
      <c r="D54" s="780"/>
      <c r="E54" s="780"/>
      <c r="F54" s="874"/>
      <c r="G54" s="808"/>
    </row>
    <row r="55" spans="1:8" s="65" customFormat="1" ht="14.25" customHeight="1" x14ac:dyDescent="0.2">
      <c r="A55" s="212" t="s">
        <v>101</v>
      </c>
      <c r="B55" s="339">
        <v>31084643.720000003</v>
      </c>
      <c r="C55" s="339">
        <v>100146410.70999999</v>
      </c>
      <c r="D55" s="339">
        <v>60272475.75</v>
      </c>
      <c r="E55" s="339">
        <v>0</v>
      </c>
      <c r="F55" s="339">
        <v>70958578.679999992</v>
      </c>
      <c r="G55" s="340">
        <v>165316129.45999998</v>
      </c>
      <c r="H55" s="155"/>
    </row>
    <row r="56" spans="1:8" s="211" customFormat="1" ht="11.25" customHeight="1" x14ac:dyDescent="0.2">
      <c r="A56" s="24"/>
      <c r="B56" s="339"/>
      <c r="C56" s="225"/>
      <c r="D56" s="225"/>
      <c r="E56" s="225"/>
      <c r="F56" s="225"/>
      <c r="G56" s="547"/>
      <c r="H56" s="210"/>
    </row>
    <row r="57" spans="1:8" s="65" customFormat="1" ht="11.25" customHeight="1" x14ac:dyDescent="0.2">
      <c r="A57" s="212" t="s">
        <v>782</v>
      </c>
      <c r="B57" s="339">
        <v>31084643.720000003</v>
      </c>
      <c r="C57" s="224">
        <v>77595181.549999997</v>
      </c>
      <c r="D57" s="224">
        <v>54278566.380000003</v>
      </c>
      <c r="E57" s="224">
        <v>0</v>
      </c>
      <c r="F57" s="527">
        <v>54401258.889999993</v>
      </c>
      <c r="G57" s="340">
        <v>142063550.53999999</v>
      </c>
      <c r="H57" s="155"/>
    </row>
    <row r="58" spans="1:8" s="211" customFormat="1" ht="11.25" customHeight="1" x14ac:dyDescent="0.2">
      <c r="A58" s="24"/>
      <c r="B58" s="339"/>
      <c r="C58" s="225"/>
      <c r="D58" s="225"/>
      <c r="E58" s="225"/>
      <c r="F58" s="225"/>
      <c r="G58" s="547"/>
      <c r="H58" s="210"/>
    </row>
    <row r="59" spans="1:8" s="65" customFormat="1" ht="11.25" customHeight="1" x14ac:dyDescent="0.2">
      <c r="A59" s="223" t="s">
        <v>783</v>
      </c>
      <c r="B59" s="339">
        <v>0</v>
      </c>
      <c r="C59" s="339">
        <v>4496578.26</v>
      </c>
      <c r="D59" s="339">
        <v>4496578.26</v>
      </c>
      <c r="E59" s="339">
        <v>0</v>
      </c>
      <c r="F59" s="339">
        <v>0</v>
      </c>
      <c r="G59" s="340">
        <v>0</v>
      </c>
      <c r="H59" s="155"/>
    </row>
    <row r="60" spans="1:8" s="270" customFormat="1" ht="11.25" customHeight="1" x14ac:dyDescent="0.2">
      <c r="A60" s="125" t="s">
        <v>784</v>
      </c>
      <c r="B60" s="580"/>
      <c r="C60" s="225">
        <v>0</v>
      </c>
      <c r="D60" s="225">
        <v>0</v>
      </c>
      <c r="E60" s="225">
        <v>0</v>
      </c>
      <c r="F60" s="524">
        <v>0</v>
      </c>
      <c r="G60" s="640">
        <v>0</v>
      </c>
      <c r="H60" s="210"/>
    </row>
    <row r="61" spans="1:8" s="270" customFormat="1" ht="11.25" customHeight="1" x14ac:dyDescent="0.2">
      <c r="A61" s="125" t="s">
        <v>785</v>
      </c>
      <c r="B61" s="580"/>
      <c r="C61" s="225">
        <v>4492853.9799999995</v>
      </c>
      <c r="D61" s="225">
        <v>4492853.9799999995</v>
      </c>
      <c r="E61" s="225">
        <v>0</v>
      </c>
      <c r="F61" s="524">
        <v>0</v>
      </c>
      <c r="G61" s="640">
        <v>0</v>
      </c>
      <c r="H61" s="210"/>
    </row>
    <row r="62" spans="1:8" s="270" customFormat="1" ht="11.25" customHeight="1" x14ac:dyDescent="0.2">
      <c r="A62" s="125" t="s">
        <v>786</v>
      </c>
      <c r="B62" s="580"/>
      <c r="C62" s="225">
        <v>3724.28</v>
      </c>
      <c r="D62" s="225">
        <v>3724.2799999999997</v>
      </c>
      <c r="E62" s="225">
        <v>0</v>
      </c>
      <c r="F62" s="524">
        <v>0</v>
      </c>
      <c r="G62" s="656">
        <v>0</v>
      </c>
      <c r="H62" s="210"/>
    </row>
    <row r="63" spans="1:8" s="270" customFormat="1" ht="11.25" customHeight="1" x14ac:dyDescent="0.2">
      <c r="A63" s="24"/>
      <c r="B63" s="580"/>
      <c r="C63" s="225"/>
      <c r="D63" s="225"/>
      <c r="E63" s="225"/>
      <c r="F63" s="225"/>
      <c r="G63" s="640"/>
      <c r="H63" s="210"/>
    </row>
    <row r="64" spans="1:8" s="65" customFormat="1" ht="11.25" customHeight="1" x14ac:dyDescent="0.2">
      <c r="A64" s="223" t="s">
        <v>787</v>
      </c>
      <c r="B64" s="339">
        <v>0</v>
      </c>
      <c r="C64" s="339">
        <v>17939858.209999997</v>
      </c>
      <c r="D64" s="339">
        <v>1477097.93</v>
      </c>
      <c r="E64" s="339">
        <v>0</v>
      </c>
      <c r="F64" s="339">
        <v>16462760.279999997</v>
      </c>
      <c r="G64" s="340">
        <v>19306550.109999999</v>
      </c>
      <c r="H64" s="155"/>
    </row>
    <row r="65" spans="1:8" s="270" customFormat="1" ht="11.25" customHeight="1" x14ac:dyDescent="0.2">
      <c r="A65" s="125" t="s">
        <v>788</v>
      </c>
      <c r="B65" s="580"/>
      <c r="C65" s="225">
        <v>17501177.579999998</v>
      </c>
      <c r="D65" s="225">
        <v>1042951</v>
      </c>
      <c r="E65" s="225"/>
      <c r="F65" s="524">
        <v>16458226.579999998</v>
      </c>
      <c r="G65" s="640">
        <v>16458226.579999998</v>
      </c>
      <c r="H65" s="210"/>
    </row>
    <row r="66" spans="1:8" s="270" customFormat="1" ht="11.25" customHeight="1" x14ac:dyDescent="0.2">
      <c r="A66" s="125" t="s">
        <v>789</v>
      </c>
      <c r="B66" s="580"/>
      <c r="C66" s="225">
        <v>438680.63</v>
      </c>
      <c r="D66" s="225">
        <v>434146.93</v>
      </c>
      <c r="E66" s="225"/>
      <c r="F66" s="524">
        <v>4533.7000000000116</v>
      </c>
      <c r="G66" s="640">
        <v>2848323.5300000003</v>
      </c>
      <c r="H66" s="210"/>
    </row>
    <row r="67" spans="1:8" s="270" customFormat="1" ht="11.25" customHeight="1" x14ac:dyDescent="0.2">
      <c r="A67" s="24"/>
      <c r="B67" s="580"/>
      <c r="C67" s="225"/>
      <c r="D67" s="225"/>
      <c r="E67" s="225"/>
      <c r="F67" s="225"/>
      <c r="G67" s="640"/>
      <c r="H67" s="210"/>
    </row>
    <row r="68" spans="1:8" s="65" customFormat="1" ht="11.25" customHeight="1" x14ac:dyDescent="0.2">
      <c r="A68" s="223" t="s">
        <v>230</v>
      </c>
      <c r="B68" s="339">
        <v>0</v>
      </c>
      <c r="C68" s="339">
        <v>114792.69</v>
      </c>
      <c r="D68" s="339">
        <v>20233.18</v>
      </c>
      <c r="E68" s="339">
        <v>0</v>
      </c>
      <c r="F68" s="339">
        <v>94559.510000000009</v>
      </c>
      <c r="G68" s="340">
        <v>3946028.8099999996</v>
      </c>
      <c r="H68" s="155"/>
    </row>
    <row r="69" spans="1:8" s="270" customFormat="1" ht="11.25" customHeight="1" x14ac:dyDescent="0.2">
      <c r="A69" s="125" t="s">
        <v>790</v>
      </c>
      <c r="B69" s="580"/>
      <c r="C69" s="225">
        <v>114792.69</v>
      </c>
      <c r="D69" s="225">
        <v>20233.18</v>
      </c>
      <c r="E69" s="225"/>
      <c r="F69" s="524">
        <v>94559.510000000009</v>
      </c>
      <c r="G69" s="640">
        <v>2971917.26</v>
      </c>
      <c r="H69" s="210"/>
    </row>
    <row r="70" spans="1:8" s="270" customFormat="1" ht="11.25" customHeight="1" x14ac:dyDescent="0.2">
      <c r="A70" s="125" t="s">
        <v>791</v>
      </c>
      <c r="B70" s="580"/>
      <c r="C70" s="225"/>
      <c r="D70" s="225"/>
      <c r="E70" s="225"/>
      <c r="F70" s="524">
        <v>0</v>
      </c>
      <c r="G70" s="640">
        <v>974111.55</v>
      </c>
      <c r="H70" s="210"/>
    </row>
    <row r="71" spans="1:8" s="270" customFormat="1" ht="11.25" customHeight="1" x14ac:dyDescent="0.2">
      <c r="A71" s="24"/>
      <c r="B71" s="580"/>
      <c r="C71" s="225"/>
      <c r="D71" s="225"/>
      <c r="E71" s="225"/>
      <c r="F71" s="225"/>
      <c r="G71" s="640"/>
      <c r="H71" s="210"/>
    </row>
    <row r="72" spans="1:8" s="65" customFormat="1" ht="11.25" customHeight="1" x14ac:dyDescent="0.2">
      <c r="A72" s="223" t="s">
        <v>102</v>
      </c>
      <c r="B72" s="339">
        <v>11832.26</v>
      </c>
      <c r="C72" s="339">
        <v>14160926.68</v>
      </c>
      <c r="D72" s="339">
        <v>6994822.7799999993</v>
      </c>
      <c r="E72" s="339">
        <v>0</v>
      </c>
      <c r="F72" s="339">
        <v>7177936.1600000001</v>
      </c>
      <c r="G72" s="340">
        <v>7513201.04</v>
      </c>
      <c r="H72" s="155"/>
    </row>
    <row r="73" spans="1:8" s="211" customFormat="1" ht="11.25" customHeight="1" x14ac:dyDescent="0.2">
      <c r="A73" s="223"/>
      <c r="B73" s="339"/>
      <c r="C73" s="225"/>
      <c r="D73" s="225"/>
      <c r="E73" s="225"/>
      <c r="F73" s="225"/>
      <c r="G73" s="547"/>
      <c r="H73" s="210"/>
    </row>
    <row r="74" spans="1:8" s="65" customFormat="1" ht="11.25" customHeight="1" x14ac:dyDescent="0.2">
      <c r="A74" s="223" t="s">
        <v>782</v>
      </c>
      <c r="B74" s="339">
        <v>5694.13</v>
      </c>
      <c r="C74" s="224">
        <v>6594820.3099999996</v>
      </c>
      <c r="D74" s="224">
        <v>1325236.1000000001</v>
      </c>
      <c r="E74" s="224">
        <v>0</v>
      </c>
      <c r="F74" s="224">
        <v>5275278.34</v>
      </c>
      <c r="G74" s="340"/>
      <c r="H74" s="155"/>
    </row>
    <row r="75" spans="1:8" s="211" customFormat="1" ht="11.25" customHeight="1" x14ac:dyDescent="0.2">
      <c r="A75" s="223"/>
      <c r="B75" s="339"/>
      <c r="C75" s="225"/>
      <c r="D75" s="225"/>
      <c r="E75" s="225"/>
      <c r="F75" s="225"/>
      <c r="G75" s="547"/>
      <c r="H75" s="210"/>
    </row>
    <row r="76" spans="1:8" s="65" customFormat="1" ht="11.25" customHeight="1" x14ac:dyDescent="0.2">
      <c r="A76" s="223" t="s">
        <v>783</v>
      </c>
      <c r="B76" s="339">
        <v>0</v>
      </c>
      <c r="C76" s="339">
        <v>1310668.42</v>
      </c>
      <c r="D76" s="339">
        <v>1310668.42</v>
      </c>
      <c r="E76" s="339">
        <v>0</v>
      </c>
      <c r="F76" s="339">
        <v>0</v>
      </c>
      <c r="G76" s="340">
        <v>0</v>
      </c>
      <c r="H76" s="155"/>
    </row>
    <row r="77" spans="1:8" s="270" customFormat="1" ht="11.25" customHeight="1" x14ac:dyDescent="0.2">
      <c r="A77" s="125" t="s">
        <v>784</v>
      </c>
      <c r="B77" s="580">
        <v>0</v>
      </c>
      <c r="C77" s="225">
        <v>0</v>
      </c>
      <c r="D77" s="225">
        <v>0</v>
      </c>
      <c r="E77" s="225"/>
      <c r="F77" s="524">
        <v>0</v>
      </c>
      <c r="G77" s="640">
        <v>0</v>
      </c>
      <c r="H77" s="210"/>
    </row>
    <row r="78" spans="1:8" s="270" customFormat="1" ht="11.25" customHeight="1" x14ac:dyDescent="0.2">
      <c r="A78" s="125" t="s">
        <v>785</v>
      </c>
      <c r="B78" s="580">
        <v>0</v>
      </c>
      <c r="C78" s="225">
        <v>1310668.42</v>
      </c>
      <c r="D78" s="225">
        <v>1310668.42</v>
      </c>
      <c r="E78" s="225">
        <v>0</v>
      </c>
      <c r="F78" s="524">
        <v>0</v>
      </c>
      <c r="G78" s="640">
        <v>0</v>
      </c>
      <c r="H78" s="210"/>
    </row>
    <row r="79" spans="1:8" s="270" customFormat="1" ht="11.25" customHeight="1" x14ac:dyDescent="0.2">
      <c r="A79" s="125" t="s">
        <v>786</v>
      </c>
      <c r="B79" s="580">
        <v>0</v>
      </c>
      <c r="C79" s="225">
        <v>0</v>
      </c>
      <c r="D79" s="225">
        <v>0</v>
      </c>
      <c r="E79" s="225">
        <v>0</v>
      </c>
      <c r="F79" s="524">
        <v>0</v>
      </c>
      <c r="G79" s="640">
        <v>0</v>
      </c>
      <c r="H79" s="210"/>
    </row>
    <row r="80" spans="1:8" s="270" customFormat="1" ht="11.25" customHeight="1" x14ac:dyDescent="0.2">
      <c r="A80" s="125"/>
      <c r="B80" s="580"/>
      <c r="C80" s="225"/>
      <c r="D80" s="225"/>
      <c r="E80" s="225"/>
      <c r="F80" s="225"/>
      <c r="G80" s="640"/>
      <c r="H80" s="210"/>
    </row>
    <row r="81" spans="1:8" s="65" customFormat="1" ht="11.25" customHeight="1" x14ac:dyDescent="0.2">
      <c r="A81" s="223" t="s">
        <v>787</v>
      </c>
      <c r="B81" s="339">
        <v>0</v>
      </c>
      <c r="C81" s="339">
        <v>6255437.9500000002</v>
      </c>
      <c r="D81" s="339">
        <v>4358918.26</v>
      </c>
      <c r="E81" s="339">
        <v>0</v>
      </c>
      <c r="F81" s="339">
        <v>1896519.6900000004</v>
      </c>
      <c r="G81" s="340">
        <v>1896519.6900000004</v>
      </c>
      <c r="H81" s="155"/>
    </row>
    <row r="82" spans="1:8" s="270" customFormat="1" ht="11.25" customHeight="1" x14ac:dyDescent="0.2">
      <c r="A82" s="125" t="s">
        <v>788</v>
      </c>
      <c r="B82" s="580">
        <v>0</v>
      </c>
      <c r="C82" s="225">
        <v>6255437.9500000002</v>
      </c>
      <c r="D82" s="225">
        <v>4358918.26</v>
      </c>
      <c r="E82" s="225">
        <v>0</v>
      </c>
      <c r="F82" s="524">
        <v>1896519.6900000004</v>
      </c>
      <c r="G82" s="640">
        <v>1896519.6900000004</v>
      </c>
      <c r="H82" s="210"/>
    </row>
    <row r="83" spans="1:8" s="270" customFormat="1" ht="11.25" customHeight="1" x14ac:dyDescent="0.2">
      <c r="A83" s="125" t="s">
        <v>789</v>
      </c>
      <c r="B83" s="580">
        <v>0</v>
      </c>
      <c r="C83" s="225">
        <v>0</v>
      </c>
      <c r="D83" s="225">
        <v>0</v>
      </c>
      <c r="E83" s="225"/>
      <c r="F83" s="524">
        <v>0</v>
      </c>
      <c r="G83" s="640">
        <v>0</v>
      </c>
      <c r="H83" s="210"/>
    </row>
    <row r="84" spans="1:8" s="270" customFormat="1" ht="11.25" customHeight="1" x14ac:dyDescent="0.2">
      <c r="A84" s="125"/>
      <c r="B84" s="580"/>
      <c r="C84" s="225"/>
      <c r="D84" s="225"/>
      <c r="E84" s="225"/>
      <c r="F84" s="225"/>
      <c r="G84" s="640"/>
      <c r="H84" s="210"/>
    </row>
    <row r="85" spans="1:8" s="65" customFormat="1" ht="11.25" customHeight="1" x14ac:dyDescent="0.2">
      <c r="A85" s="223" t="s">
        <v>230</v>
      </c>
      <c r="B85" s="339">
        <v>6138.13</v>
      </c>
      <c r="C85" s="339">
        <v>0</v>
      </c>
      <c r="D85" s="339">
        <v>0</v>
      </c>
      <c r="E85" s="339">
        <v>0</v>
      </c>
      <c r="F85" s="339">
        <v>6138.13</v>
      </c>
      <c r="G85" s="340">
        <v>6138.13</v>
      </c>
      <c r="H85" s="155"/>
    </row>
    <row r="86" spans="1:8" s="270" customFormat="1" ht="11.25" customHeight="1" x14ac:dyDescent="0.2">
      <c r="A86" s="125" t="s">
        <v>790</v>
      </c>
      <c r="B86" s="580">
        <v>6138.13</v>
      </c>
      <c r="C86" s="225">
        <v>0</v>
      </c>
      <c r="D86" s="225">
        <v>0</v>
      </c>
      <c r="E86" s="225">
        <v>0</v>
      </c>
      <c r="F86" s="524">
        <v>6138.13</v>
      </c>
      <c r="G86" s="640">
        <v>6138.13</v>
      </c>
      <c r="H86" s="210"/>
    </row>
    <row r="87" spans="1:8" s="270" customFormat="1" ht="14.25" customHeight="1" x14ac:dyDescent="0.2">
      <c r="A87" s="125" t="s">
        <v>791</v>
      </c>
      <c r="B87" s="580">
        <v>0</v>
      </c>
      <c r="C87" s="225">
        <v>0</v>
      </c>
      <c r="D87" s="225">
        <v>0</v>
      </c>
      <c r="E87" s="225">
        <v>0</v>
      </c>
      <c r="F87" s="524">
        <v>0</v>
      </c>
      <c r="G87" s="640">
        <v>0</v>
      </c>
      <c r="H87" s="210"/>
    </row>
    <row r="88" spans="1:8" s="65" customFormat="1" ht="15" customHeight="1" x14ac:dyDescent="0.2">
      <c r="A88" s="25" t="s">
        <v>222</v>
      </c>
      <c r="B88" s="451">
        <v>31096475.980000004</v>
      </c>
      <c r="C88" s="451">
        <v>114307337.38999999</v>
      </c>
      <c r="D88" s="451">
        <v>67267298.530000001</v>
      </c>
      <c r="E88" s="451">
        <v>0</v>
      </c>
      <c r="F88" s="451">
        <v>78136514.839999989</v>
      </c>
      <c r="G88" s="451">
        <v>172829330.49999997</v>
      </c>
      <c r="H88" s="155"/>
    </row>
    <row r="89" spans="1:8" ht="11.25" customHeight="1" x14ac:dyDescent="0.2">
      <c r="A89" s="64" t="s">
        <v>878</v>
      </c>
      <c r="G89" s="297"/>
    </row>
    <row r="90" spans="1:8" s="270" customFormat="1" ht="11.25" customHeight="1" x14ac:dyDescent="0.2">
      <c r="A90" s="43"/>
      <c r="B90" s="43"/>
      <c r="C90" s="43"/>
      <c r="D90" s="43"/>
      <c r="E90" s="43"/>
      <c r="F90" s="43"/>
      <c r="G90" s="665"/>
      <c r="H90" s="210"/>
    </row>
    <row r="93" spans="1:8" s="270" customFormat="1" ht="11.25" customHeight="1" x14ac:dyDescent="0.2">
      <c r="A93" s="43"/>
      <c r="B93" s="43"/>
      <c r="C93" s="43"/>
      <c r="D93" s="43"/>
      <c r="E93" s="43"/>
      <c r="F93" s="665"/>
      <c r="G93" s="43"/>
      <c r="H93" s="210"/>
    </row>
    <row r="94" spans="1:8" s="270" customFormat="1" ht="11.25" customHeight="1" x14ac:dyDescent="0.2">
      <c r="A94" s="43"/>
      <c r="B94" s="43"/>
      <c r="C94" s="43"/>
      <c r="D94" s="43"/>
      <c r="E94" s="43"/>
      <c r="F94" s="43"/>
      <c r="G94" s="43"/>
      <c r="H94" s="210"/>
    </row>
    <row r="95" spans="1:8" ht="11.25" customHeight="1" x14ac:dyDescent="0.2">
      <c r="D95" s="197"/>
    </row>
    <row r="96" spans="1:8" s="270" customFormat="1" ht="11.25" customHeight="1" x14ac:dyDescent="0.2">
      <c r="A96" s="43"/>
      <c r="B96" s="197"/>
      <c r="C96" s="43"/>
      <c r="D96" s="43"/>
      <c r="E96" s="43"/>
      <c r="F96" s="43"/>
      <c r="G96" s="43"/>
      <c r="H96" s="210"/>
    </row>
    <row r="97" spans="2:2" ht="11.25" customHeight="1" x14ac:dyDescent="0.2">
      <c r="B97" s="197"/>
    </row>
  </sheetData>
  <customSheetViews>
    <customSheetView guid="{8C4C4E05-26A9-48D7-9CF5-CBEE6AE5F4C6}" showPageBreaks="1" showGridLines="0" fitToPage="1" printArea="1" topLeftCell="A87">
      <selection activeCell="B111" sqref="B111"/>
      <pageMargins left="0.39370078740157483" right="0.39370078740157483" top="0.39370078740157483" bottom="0.39370078740157483" header="0" footer="0"/>
      <printOptions horizontalCentered="1"/>
      <pageSetup paperSize="9" scale="58" orientation="portrait" r:id="rId1"/>
      <headerFooter alignWithMargins="0"/>
    </customSheetView>
    <customSheetView guid="{6F6CE139-4C01-4DC6-BA1C-5DC7C1E4A87D}" showPageBreaks="1" showGridLines="0" fitToPage="1" printArea="1">
      <selection activeCell="B111" sqref="B111"/>
      <pageMargins left="0.19685039370078741" right="0.19685039370078741" top="0.39370078740157483" bottom="0.19685039370078741" header="0" footer="0"/>
      <printOptions horizontalCentered="1"/>
      <pageSetup paperSize="9" scale="60" orientation="portrait" r:id="rId2"/>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3"/>
      <headerFooter alignWithMargins="0">
        <oddFooter>&amp;A</oddFooter>
      </headerFooter>
    </customSheetView>
    <customSheetView guid="{82EDB5A4-4824-4632-A540-7A52C92F04C7}" showPageBreaks="1" showGridLines="0" fitToPage="1" printArea="1">
      <selection activeCell="A25" sqref="A25"/>
      <pageMargins left="0.19685039370078741" right="0.27559055118110237" top="0.59055118110236227" bottom="0.39370078740157483" header="0" footer="0.19685039370078741"/>
      <printOptions horizontalCentered="1"/>
      <pageSetup paperSize="9" scale="91" orientation="landscape" horizontalDpi="300" verticalDpi="300" r:id="rId4"/>
      <headerFooter alignWithMargins="0">
        <oddFooter>&amp;A</oddFooter>
      </headerFooter>
    </customSheetView>
    <customSheetView guid="{6DBFA32C-4AA4-4E1D-9A48-697377C64CC3}" showGridLines="0" fitToPage="1">
      <pageMargins left="0.19685039370078741" right="0.19685039370078741" top="0.39370078740157483" bottom="0.19685039370078741" header="0" footer="0"/>
      <printOptions horizontalCentered="1"/>
      <pageSetup paperSize="9" scale="60" orientation="portrait" r:id="rId5"/>
      <headerFooter alignWithMargins="0"/>
    </customSheetView>
    <customSheetView guid="{3AAF6A5F-F9AA-430B-9AD9-1261ECDF41B5}" showPageBreaks="1" showGridLines="0" fitToPage="1" printArea="1" topLeftCell="A87">
      <selection activeCell="B111" sqref="B111"/>
      <pageMargins left="0.39370078740157483" right="0.39370078740157483" top="0.39370078740157483" bottom="0.39370078740157483" header="0" footer="0"/>
      <printOptions horizontalCentered="1"/>
      <pageSetup paperSize="9" scale="58" orientation="portrait" r:id="rId6"/>
      <headerFooter alignWithMargins="0"/>
    </customSheetView>
    <customSheetView guid="{25EF1E0D-169B-4051-B414-7E1196FC05E4}" showPageBreaks="1" showGridLines="0" fitToPage="1" printArea="1" topLeftCell="A41">
      <selection activeCell="B57" sqref="B57"/>
      <pageMargins left="0.19685039370078741" right="0.19685039370078741" top="0.19685039370078741" bottom="0.19685039370078741" header="0" footer="0"/>
      <printOptions horizontalCentered="1"/>
      <pageSetup paperSize="9" scale="60" orientation="portrait" horizontalDpi="300" verticalDpi="300" r:id="rId7"/>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39370078740157483" right="0.39370078740157483" top="0.39370078740157483" bottom="0.39370078740157483" header="0" footer="0"/>
  <pageSetup paperSize="9" scale="59"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94"/>
  <sheetViews>
    <sheetView showGridLines="0" zoomScaleNormal="100" workbookViewId="0"/>
  </sheetViews>
  <sheetFormatPr defaultRowHeight="11.25" customHeight="1" x14ac:dyDescent="0.2"/>
  <cols>
    <col min="1" max="1" width="71.5703125" style="279" customWidth="1"/>
    <col min="2" max="4" width="18.7109375" style="83" customWidth="1"/>
    <col min="5" max="5" width="15.7109375" style="83" bestFit="1" customWidth="1"/>
    <col min="6" max="6" width="18.7109375" style="83" customWidth="1"/>
    <col min="7" max="7" width="16.140625" style="83" bestFit="1" customWidth="1"/>
    <col min="8" max="8" width="18.7109375" style="83" customWidth="1"/>
    <col min="9" max="16384" width="9.140625" style="83"/>
  </cols>
  <sheetData>
    <row r="1" spans="1:8" s="136" customFormat="1" ht="10.5" x14ac:dyDescent="0.2">
      <c r="A1" s="133"/>
      <c r="B1" s="133"/>
      <c r="C1" s="133"/>
      <c r="D1" s="133"/>
      <c r="E1" s="133"/>
      <c r="F1" s="133"/>
      <c r="G1" s="133"/>
      <c r="H1" s="133"/>
    </row>
    <row r="2" spans="1:8" s="136" customFormat="1" ht="10.5" x14ac:dyDescent="0.2">
      <c r="A2" s="274"/>
      <c r="B2" s="133"/>
      <c r="C2" s="133"/>
      <c r="D2" s="133"/>
      <c r="E2" s="133"/>
      <c r="F2" s="133"/>
    </row>
    <row r="3" spans="1:8" s="141" customFormat="1" ht="10.5" x14ac:dyDescent="0.2">
      <c r="A3" s="976" t="s">
        <v>640</v>
      </c>
      <c r="B3" s="976"/>
      <c r="C3" s="976"/>
      <c r="D3" s="976"/>
      <c r="E3" s="976"/>
      <c r="F3" s="976"/>
      <c r="G3" s="976"/>
      <c r="H3" s="976"/>
    </row>
    <row r="4" spans="1:8" s="141" customFormat="1" ht="10.5" x14ac:dyDescent="0.2">
      <c r="A4" s="976" t="s">
        <v>105</v>
      </c>
      <c r="B4" s="976"/>
      <c r="C4" s="976"/>
      <c r="D4" s="976"/>
      <c r="E4" s="976"/>
      <c r="F4" s="976"/>
      <c r="G4" s="976"/>
      <c r="H4" s="976"/>
    </row>
    <row r="5" spans="1:8" s="141" customFormat="1" ht="10.5" x14ac:dyDescent="0.2">
      <c r="A5" s="976" t="s">
        <v>231</v>
      </c>
      <c r="B5" s="976"/>
      <c r="C5" s="976"/>
      <c r="D5" s="976"/>
      <c r="E5" s="976"/>
      <c r="F5" s="976"/>
      <c r="G5" s="976"/>
      <c r="H5" s="976"/>
    </row>
    <row r="6" spans="1:8" s="141" customFormat="1" ht="10.5" x14ac:dyDescent="0.2">
      <c r="A6" s="976" t="s">
        <v>107</v>
      </c>
      <c r="B6" s="976"/>
      <c r="C6" s="976"/>
      <c r="D6" s="976"/>
      <c r="E6" s="976"/>
      <c r="F6" s="976"/>
      <c r="G6" s="976"/>
      <c r="H6" s="976"/>
    </row>
    <row r="7" spans="1:8" s="141" customFormat="1" ht="10.5" x14ac:dyDescent="0.2">
      <c r="A7" s="976" t="s">
        <v>641</v>
      </c>
      <c r="B7" s="976"/>
      <c r="C7" s="976"/>
      <c r="D7" s="976"/>
      <c r="E7" s="976"/>
      <c r="F7" s="976"/>
      <c r="G7" s="976"/>
      <c r="H7" s="976"/>
    </row>
    <row r="8" spans="1:8" s="136" customFormat="1" ht="10.5" x14ac:dyDescent="0.2">
      <c r="A8" s="275" t="s">
        <v>619</v>
      </c>
      <c r="B8" s="134"/>
      <c r="C8" s="134"/>
      <c r="D8" s="134"/>
      <c r="E8" s="134"/>
      <c r="F8" s="138"/>
      <c r="H8" s="221">
        <v>1</v>
      </c>
    </row>
    <row r="9" spans="1:8" s="218" customFormat="1" ht="15" customHeight="1" x14ac:dyDescent="0.2">
      <c r="A9" s="880" t="s">
        <v>187</v>
      </c>
      <c r="B9" s="880"/>
      <c r="C9" s="880"/>
      <c r="D9" s="880"/>
      <c r="E9" s="880"/>
      <c r="F9" s="880"/>
      <c r="G9" s="880"/>
      <c r="H9" s="880"/>
    </row>
    <row r="10" spans="1:8" s="436" customFormat="1" ht="15" customHeight="1" x14ac:dyDescent="0.15">
      <c r="A10" s="875" t="s">
        <v>868</v>
      </c>
      <c r="B10" s="908" t="s">
        <v>108</v>
      </c>
      <c r="C10" s="971"/>
      <c r="D10" s="908" t="s">
        <v>108</v>
      </c>
      <c r="E10" s="971"/>
      <c r="F10" s="977" t="s">
        <v>109</v>
      </c>
      <c r="G10" s="978"/>
      <c r="H10" s="978"/>
    </row>
    <row r="11" spans="1:8" s="436" customFormat="1" ht="15" customHeight="1" x14ac:dyDescent="0.15">
      <c r="A11" s="876"/>
      <c r="B11" s="910"/>
      <c r="C11" s="972"/>
      <c r="D11" s="979" t="s">
        <v>112</v>
      </c>
      <c r="E11" s="876"/>
      <c r="F11" s="908" t="s">
        <v>115</v>
      </c>
      <c r="G11" s="971"/>
      <c r="H11" s="674" t="s">
        <v>114</v>
      </c>
    </row>
    <row r="12" spans="1:8" s="436" customFormat="1" ht="15" customHeight="1" x14ac:dyDescent="0.2">
      <c r="A12" s="414" t="s">
        <v>869</v>
      </c>
      <c r="B12" s="969" t="s">
        <v>111</v>
      </c>
      <c r="C12" s="970"/>
      <c r="D12" s="891" t="s">
        <v>116</v>
      </c>
      <c r="E12" s="877"/>
      <c r="F12" s="891" t="s">
        <v>117</v>
      </c>
      <c r="G12" s="877"/>
      <c r="H12" s="424" t="s">
        <v>188</v>
      </c>
    </row>
    <row r="13" spans="1:8" s="218" customFormat="1" ht="15" customHeight="1" x14ac:dyDescent="0.2">
      <c r="A13" s="241" t="s">
        <v>189</v>
      </c>
      <c r="B13" s="887">
        <v>7821678000</v>
      </c>
      <c r="C13" s="973"/>
      <c r="D13" s="887">
        <v>7821678000</v>
      </c>
      <c r="E13" s="973"/>
      <c r="F13" s="887">
        <v>1399204502.0599999</v>
      </c>
      <c r="G13" s="973"/>
      <c r="H13" s="453">
        <v>17.888802147825569</v>
      </c>
    </row>
    <row r="14" spans="1:8" s="218" customFormat="1" ht="31.5" x14ac:dyDescent="0.2">
      <c r="A14" s="231" t="s">
        <v>368</v>
      </c>
      <c r="B14" s="932">
        <v>6859312000</v>
      </c>
      <c r="C14" s="933"/>
      <c r="D14" s="932">
        <v>6859312000</v>
      </c>
      <c r="E14" s="933"/>
      <c r="F14" s="932">
        <v>1126526365.47</v>
      </c>
      <c r="G14" s="933"/>
      <c r="H14" s="453">
        <v>16.423314254694933</v>
      </c>
    </row>
    <row r="15" spans="1:8" s="17" customFormat="1" ht="12" customHeight="1" x14ac:dyDescent="0.2">
      <c r="A15" s="276" t="s">
        <v>317</v>
      </c>
      <c r="B15" s="722">
        <v>6742500000</v>
      </c>
      <c r="C15" s="723"/>
      <c r="D15" s="722">
        <v>6742500000</v>
      </c>
      <c r="E15" s="723"/>
      <c r="F15" s="722">
        <v>1110894038.75</v>
      </c>
      <c r="G15" s="723"/>
      <c r="H15" s="454">
        <v>16.475996125324436</v>
      </c>
    </row>
    <row r="16" spans="1:8" s="17" customFormat="1" ht="12" customHeight="1" x14ac:dyDescent="0.2">
      <c r="A16" s="276" t="s">
        <v>318</v>
      </c>
      <c r="B16" s="722">
        <v>36676000</v>
      </c>
      <c r="C16" s="723"/>
      <c r="D16" s="722">
        <v>36676000</v>
      </c>
      <c r="E16" s="723"/>
      <c r="F16" s="722">
        <v>3793097.92</v>
      </c>
      <c r="G16" s="723"/>
      <c r="H16" s="454">
        <v>10.342179954193478</v>
      </c>
    </row>
    <row r="17" spans="1:8" s="17" customFormat="1" ht="12" customHeight="1" x14ac:dyDescent="0.2">
      <c r="A17" s="276" t="s">
        <v>319</v>
      </c>
      <c r="B17" s="722">
        <v>7445000</v>
      </c>
      <c r="C17" s="723"/>
      <c r="D17" s="722">
        <v>7445000</v>
      </c>
      <c r="E17" s="723"/>
      <c r="F17" s="722">
        <v>1680286.59</v>
      </c>
      <c r="G17" s="723"/>
      <c r="H17" s="454">
        <v>22.56932961719275</v>
      </c>
    </row>
    <row r="18" spans="1:8" s="17" customFormat="1" ht="21" x14ac:dyDescent="0.2">
      <c r="A18" s="276" t="s">
        <v>320</v>
      </c>
      <c r="B18" s="720">
        <v>0</v>
      </c>
      <c r="C18" s="721"/>
      <c r="D18" s="722">
        <v>0</v>
      </c>
      <c r="E18" s="723"/>
      <c r="F18" s="722">
        <v>0</v>
      </c>
      <c r="G18" s="723"/>
      <c r="H18" s="454">
        <v>0</v>
      </c>
    </row>
    <row r="19" spans="1:8" s="17" customFormat="1" ht="12" customHeight="1" x14ac:dyDescent="0.2">
      <c r="A19" s="258" t="s">
        <v>321</v>
      </c>
      <c r="B19" s="720">
        <v>0</v>
      </c>
      <c r="C19" s="721"/>
      <c r="D19" s="722">
        <v>0</v>
      </c>
      <c r="E19" s="723"/>
      <c r="F19" s="722">
        <v>0</v>
      </c>
      <c r="G19" s="723"/>
      <c r="H19" s="454">
        <v>0</v>
      </c>
    </row>
    <row r="20" spans="1:8" s="17" customFormat="1" ht="21" x14ac:dyDescent="0.2">
      <c r="A20" s="258" t="s">
        <v>322</v>
      </c>
      <c r="B20" s="722">
        <v>72691000</v>
      </c>
      <c r="C20" s="723"/>
      <c r="D20" s="722">
        <v>72691000</v>
      </c>
      <c r="E20" s="723"/>
      <c r="F20" s="722">
        <v>10158942.210000001</v>
      </c>
      <c r="G20" s="723"/>
      <c r="H20" s="454">
        <v>13.975515827268852</v>
      </c>
    </row>
    <row r="21" spans="1:8" s="17" customFormat="1" ht="12" customHeight="1" x14ac:dyDescent="0.2">
      <c r="A21" s="13" t="s">
        <v>323</v>
      </c>
      <c r="B21" s="720">
        <v>0</v>
      </c>
      <c r="C21" s="721"/>
      <c r="D21" s="722">
        <v>0</v>
      </c>
      <c r="E21" s="723"/>
      <c r="F21" s="722">
        <v>0</v>
      </c>
      <c r="G21" s="723"/>
      <c r="H21" s="454">
        <v>0</v>
      </c>
    </row>
    <row r="22" spans="1:8" s="218" customFormat="1" ht="21" x14ac:dyDescent="0.2">
      <c r="A22" s="231" t="s">
        <v>324</v>
      </c>
      <c r="B22" s="932">
        <v>108031000</v>
      </c>
      <c r="C22" s="933"/>
      <c r="D22" s="932">
        <v>108031000</v>
      </c>
      <c r="E22" s="933"/>
      <c r="F22" s="932">
        <v>11268516.52</v>
      </c>
      <c r="G22" s="933"/>
      <c r="H22" s="453">
        <v>10.43081756162583</v>
      </c>
    </row>
    <row r="23" spans="1:8" s="17" customFormat="1" ht="12" customHeight="1" x14ac:dyDescent="0.2">
      <c r="A23" s="276" t="s">
        <v>325</v>
      </c>
      <c r="B23" s="893">
        <v>105800000</v>
      </c>
      <c r="C23" s="922"/>
      <c r="D23" s="893">
        <v>105800000</v>
      </c>
      <c r="E23" s="922"/>
      <c r="F23" s="893">
        <v>11224571.99</v>
      </c>
      <c r="G23" s="922"/>
      <c r="H23" s="454">
        <v>10.609236285444235</v>
      </c>
    </row>
    <row r="24" spans="1:8" s="17" customFormat="1" ht="12" customHeight="1" x14ac:dyDescent="0.2">
      <c r="A24" s="276" t="s">
        <v>326</v>
      </c>
      <c r="B24" s="893">
        <v>2231000</v>
      </c>
      <c r="C24" s="922"/>
      <c r="D24" s="893">
        <v>2231000</v>
      </c>
      <c r="E24" s="922"/>
      <c r="F24" s="893">
        <v>43944.53</v>
      </c>
      <c r="G24" s="922"/>
      <c r="H24" s="454">
        <v>1.9697234424025101</v>
      </c>
    </row>
    <row r="25" spans="1:8" s="17" customFormat="1" ht="12" customHeight="1" x14ac:dyDescent="0.2">
      <c r="A25" s="276" t="s">
        <v>327</v>
      </c>
      <c r="B25" s="932">
        <v>0</v>
      </c>
      <c r="C25" s="933"/>
      <c r="D25" s="893">
        <v>0</v>
      </c>
      <c r="E25" s="922"/>
      <c r="F25" s="893">
        <v>0</v>
      </c>
      <c r="G25" s="922"/>
      <c r="H25" s="454">
        <v>0</v>
      </c>
    </row>
    <row r="26" spans="1:8" s="17" customFormat="1" ht="21" x14ac:dyDescent="0.2">
      <c r="A26" s="276" t="s">
        <v>328</v>
      </c>
      <c r="B26" s="932">
        <v>0</v>
      </c>
      <c r="C26" s="933"/>
      <c r="D26" s="893">
        <v>0</v>
      </c>
      <c r="E26" s="922"/>
      <c r="F26" s="893">
        <v>0</v>
      </c>
      <c r="G26" s="922"/>
      <c r="H26" s="454">
        <v>0</v>
      </c>
    </row>
    <row r="27" spans="1:8" s="17" customFormat="1" ht="12" customHeight="1" x14ac:dyDescent="0.2">
      <c r="A27" s="262" t="s">
        <v>333</v>
      </c>
      <c r="B27" s="932">
        <v>0</v>
      </c>
      <c r="C27" s="933"/>
      <c r="D27" s="893">
        <v>0</v>
      </c>
      <c r="E27" s="922"/>
      <c r="F27" s="893">
        <v>0</v>
      </c>
      <c r="G27" s="922"/>
      <c r="H27" s="454">
        <v>0</v>
      </c>
    </row>
    <row r="28" spans="1:8" s="218" customFormat="1" ht="21" x14ac:dyDescent="0.2">
      <c r="A28" s="231" t="s">
        <v>337</v>
      </c>
      <c r="B28" s="932">
        <v>343935000</v>
      </c>
      <c r="C28" s="933"/>
      <c r="D28" s="932">
        <v>343935000</v>
      </c>
      <c r="E28" s="933"/>
      <c r="F28" s="932">
        <v>202099762.53999999</v>
      </c>
      <c r="G28" s="933"/>
      <c r="H28" s="453">
        <v>58.761034073298731</v>
      </c>
    </row>
    <row r="29" spans="1:8" s="17" customFormat="1" ht="12" customHeight="1" x14ac:dyDescent="0.2">
      <c r="A29" s="276" t="s">
        <v>329</v>
      </c>
      <c r="B29" s="893">
        <v>329900000</v>
      </c>
      <c r="C29" s="922"/>
      <c r="D29" s="893">
        <v>329900000</v>
      </c>
      <c r="E29" s="922"/>
      <c r="F29" s="893">
        <v>200909017.71000001</v>
      </c>
      <c r="G29" s="922"/>
      <c r="H29" s="454">
        <v>60.899975056077608</v>
      </c>
    </row>
    <row r="30" spans="1:8" s="17" customFormat="1" ht="12" customHeight="1" x14ac:dyDescent="0.2">
      <c r="A30" s="276" t="s">
        <v>330</v>
      </c>
      <c r="B30" s="893">
        <v>14003000</v>
      </c>
      <c r="C30" s="922"/>
      <c r="D30" s="893">
        <v>14003000</v>
      </c>
      <c r="E30" s="922"/>
      <c r="F30" s="893">
        <v>1189731.8899999999</v>
      </c>
      <c r="G30" s="922"/>
      <c r="H30" s="454">
        <v>8.4962643005070344</v>
      </c>
    </row>
    <row r="31" spans="1:8" s="17" customFormat="1" ht="12" customHeight="1" x14ac:dyDescent="0.2">
      <c r="A31" s="276" t="s">
        <v>331</v>
      </c>
      <c r="B31" s="893">
        <v>32000</v>
      </c>
      <c r="C31" s="922"/>
      <c r="D31" s="893">
        <v>32000</v>
      </c>
      <c r="E31" s="922"/>
      <c r="F31" s="893">
        <v>1012.94</v>
      </c>
      <c r="G31" s="922"/>
      <c r="H31" s="454">
        <v>3.1654374999999999</v>
      </c>
    </row>
    <row r="32" spans="1:8" s="17" customFormat="1" ht="21" x14ac:dyDescent="0.2">
      <c r="A32" s="276" t="s">
        <v>332</v>
      </c>
      <c r="B32" s="932">
        <v>0</v>
      </c>
      <c r="C32" s="933"/>
      <c r="D32" s="893">
        <v>0</v>
      </c>
      <c r="E32" s="922"/>
      <c r="F32" s="893">
        <v>0</v>
      </c>
      <c r="G32" s="922"/>
      <c r="H32" s="454">
        <v>0</v>
      </c>
    </row>
    <row r="33" spans="1:8" s="17" customFormat="1" ht="10.5" x14ac:dyDescent="0.2">
      <c r="A33" s="262" t="s">
        <v>334</v>
      </c>
      <c r="B33" s="932">
        <v>0</v>
      </c>
      <c r="C33" s="933"/>
      <c r="D33" s="893">
        <v>0</v>
      </c>
      <c r="E33" s="922"/>
      <c r="F33" s="932">
        <v>0</v>
      </c>
      <c r="G33" s="933"/>
      <c r="H33" s="454">
        <v>0</v>
      </c>
    </row>
    <row r="34" spans="1:8" s="218" customFormat="1" ht="21" x14ac:dyDescent="0.2">
      <c r="A34" s="231" t="s">
        <v>338</v>
      </c>
      <c r="B34" s="932">
        <v>510400000</v>
      </c>
      <c r="C34" s="933"/>
      <c r="D34" s="932">
        <v>510400000</v>
      </c>
      <c r="E34" s="933"/>
      <c r="F34" s="932">
        <v>59309857.530000001</v>
      </c>
      <c r="G34" s="933"/>
      <c r="H34" s="453">
        <v>11.62026989224138</v>
      </c>
    </row>
    <row r="35" spans="1:8" s="17" customFormat="1" ht="12" customHeight="1" x14ac:dyDescent="0.2">
      <c r="A35" s="276" t="s">
        <v>336</v>
      </c>
      <c r="B35" s="893">
        <v>510400000</v>
      </c>
      <c r="C35" s="922"/>
      <c r="D35" s="893">
        <v>510400000</v>
      </c>
      <c r="E35" s="922"/>
      <c r="F35" s="893">
        <v>59309857.530000001</v>
      </c>
      <c r="G35" s="922"/>
      <c r="H35" s="454">
        <v>11.62026989224138</v>
      </c>
    </row>
    <row r="36" spans="1:8" s="17" customFormat="1" ht="12" customHeight="1" x14ac:dyDescent="0.2">
      <c r="A36" s="276" t="s">
        <v>456</v>
      </c>
      <c r="B36" s="932">
        <v>0</v>
      </c>
      <c r="C36" s="933"/>
      <c r="D36" s="893">
        <v>0</v>
      </c>
      <c r="E36" s="922"/>
      <c r="F36" s="893">
        <v>0</v>
      </c>
      <c r="G36" s="922"/>
      <c r="H36" s="454">
        <v>0</v>
      </c>
    </row>
    <row r="37" spans="1:8" s="17" customFormat="1" ht="10.5" x14ac:dyDescent="0.2">
      <c r="A37" s="276" t="s">
        <v>457</v>
      </c>
      <c r="B37" s="932">
        <v>0</v>
      </c>
      <c r="C37" s="933"/>
      <c r="D37" s="893">
        <v>0</v>
      </c>
      <c r="E37" s="922"/>
      <c r="F37" s="893">
        <v>0</v>
      </c>
      <c r="G37" s="922"/>
      <c r="H37" s="454">
        <v>0</v>
      </c>
    </row>
    <row r="38" spans="1:8" s="17" customFormat="1" ht="21" x14ac:dyDescent="0.2">
      <c r="A38" s="276" t="s">
        <v>458</v>
      </c>
      <c r="B38" s="932">
        <v>0</v>
      </c>
      <c r="C38" s="933"/>
      <c r="D38" s="893">
        <v>0</v>
      </c>
      <c r="E38" s="922"/>
      <c r="F38" s="893">
        <v>0</v>
      </c>
      <c r="G38" s="922"/>
      <c r="H38" s="454">
        <v>0</v>
      </c>
    </row>
    <row r="39" spans="1:8" s="17" customFormat="1" ht="12" customHeight="1" x14ac:dyDescent="0.2">
      <c r="A39" s="262" t="s">
        <v>335</v>
      </c>
      <c r="B39" s="932">
        <v>0</v>
      </c>
      <c r="C39" s="933"/>
      <c r="D39" s="893">
        <v>0</v>
      </c>
      <c r="E39" s="922"/>
      <c r="F39" s="893">
        <v>0</v>
      </c>
      <c r="G39" s="922"/>
      <c r="H39" s="454">
        <v>0</v>
      </c>
    </row>
    <row r="40" spans="1:8" s="218" customFormat="1" ht="10.5" x14ac:dyDescent="0.2">
      <c r="A40" s="231" t="s">
        <v>339</v>
      </c>
      <c r="B40" s="932">
        <v>1158800000</v>
      </c>
      <c r="C40" s="933"/>
      <c r="D40" s="932">
        <v>1158800000</v>
      </c>
      <c r="E40" s="933"/>
      <c r="F40" s="932">
        <v>227126490.81999999</v>
      </c>
      <c r="G40" s="933"/>
      <c r="H40" s="453">
        <v>19.600145911287541</v>
      </c>
    </row>
    <row r="41" spans="1:8" s="17" customFormat="1" ht="12" customHeight="1" x14ac:dyDescent="0.2">
      <c r="A41" s="107" t="s">
        <v>190</v>
      </c>
      <c r="B41" s="893">
        <v>1070500000</v>
      </c>
      <c r="C41" s="922"/>
      <c r="D41" s="893">
        <v>1070500000</v>
      </c>
      <c r="E41" s="922"/>
      <c r="F41" s="893">
        <v>209161716.09</v>
      </c>
      <c r="G41" s="922"/>
      <c r="H41" s="454">
        <v>19.538693702942549</v>
      </c>
    </row>
    <row r="42" spans="1:8" s="17" customFormat="1" ht="12" customHeight="1" x14ac:dyDescent="0.2">
      <c r="A42" s="107" t="s">
        <v>191</v>
      </c>
      <c r="B42" s="893">
        <v>18100000</v>
      </c>
      <c r="C42" s="922"/>
      <c r="D42" s="893">
        <v>18100000</v>
      </c>
      <c r="E42" s="922"/>
      <c r="F42" s="893">
        <v>0</v>
      </c>
      <c r="G42" s="922"/>
      <c r="H42" s="454">
        <v>0</v>
      </c>
    </row>
    <row r="43" spans="1:8" s="17" customFormat="1" ht="12" customHeight="1" x14ac:dyDescent="0.2">
      <c r="A43" s="276" t="s">
        <v>192</v>
      </c>
      <c r="B43" s="893">
        <v>70200000</v>
      </c>
      <c r="C43" s="922"/>
      <c r="D43" s="893">
        <v>70200000</v>
      </c>
      <c r="E43" s="922"/>
      <c r="F43" s="893">
        <v>17964774.73</v>
      </c>
      <c r="G43" s="922"/>
      <c r="H43" s="454">
        <v>25.590847193732198</v>
      </c>
    </row>
    <row r="44" spans="1:8" s="17" customFormat="1" ht="12" customHeight="1" x14ac:dyDescent="0.2">
      <c r="A44" s="276" t="s">
        <v>193</v>
      </c>
      <c r="B44" s="895">
        <v>0</v>
      </c>
      <c r="C44" s="934"/>
      <c r="D44" s="895">
        <v>0</v>
      </c>
      <c r="E44" s="934"/>
      <c r="F44" s="895">
        <v>0</v>
      </c>
      <c r="G44" s="934"/>
      <c r="H44" s="454">
        <v>0</v>
      </c>
    </row>
    <row r="45" spans="1:8" s="229" customFormat="1" ht="15" customHeight="1" x14ac:dyDescent="0.2">
      <c r="A45" s="277" t="s">
        <v>459</v>
      </c>
      <c r="B45" s="935">
        <v>8980478000</v>
      </c>
      <c r="C45" s="936"/>
      <c r="D45" s="935">
        <v>8980478000</v>
      </c>
      <c r="E45" s="936"/>
      <c r="F45" s="935">
        <v>1626330992.8799999</v>
      </c>
      <c r="G45" s="936"/>
      <c r="H45" s="459">
        <v>18.109626156647785</v>
      </c>
    </row>
    <row r="46" spans="1:8" s="229" customFormat="1" ht="5.0999999999999996" customHeight="1" x14ac:dyDescent="0.2">
      <c r="A46" s="84"/>
      <c r="B46" s="430"/>
      <c r="C46" s="430"/>
      <c r="D46" s="430"/>
      <c r="E46" s="430"/>
      <c r="F46" s="430"/>
      <c r="G46" s="430"/>
      <c r="H46" s="442"/>
    </row>
    <row r="47" spans="1:8" s="218" customFormat="1" ht="15" customHeight="1" x14ac:dyDescent="0.15">
      <c r="A47" s="875" t="s">
        <v>194</v>
      </c>
      <c r="B47" s="908" t="s">
        <v>108</v>
      </c>
      <c r="C47" s="971"/>
      <c r="D47" s="937" t="s">
        <v>108</v>
      </c>
      <c r="E47" s="938"/>
      <c r="F47" s="874" t="s">
        <v>109</v>
      </c>
      <c r="G47" s="940"/>
      <c r="H47" s="940"/>
    </row>
    <row r="48" spans="1:8" s="218" customFormat="1" ht="15" customHeight="1" x14ac:dyDescent="0.15">
      <c r="A48" s="876"/>
      <c r="B48" s="910"/>
      <c r="C48" s="972"/>
      <c r="D48" s="873" t="s">
        <v>112</v>
      </c>
      <c r="E48" s="901"/>
      <c r="F48" s="937" t="s">
        <v>115</v>
      </c>
      <c r="G48" s="938"/>
      <c r="H48" s="677" t="s">
        <v>114</v>
      </c>
    </row>
    <row r="49" spans="1:8" s="218" customFormat="1" ht="15" customHeight="1" x14ac:dyDescent="0.2">
      <c r="A49" s="877"/>
      <c r="B49" s="891" t="s">
        <v>111</v>
      </c>
      <c r="C49" s="877"/>
      <c r="D49" s="874" t="s">
        <v>116</v>
      </c>
      <c r="E49" s="892"/>
      <c r="F49" s="874" t="s">
        <v>117</v>
      </c>
      <c r="G49" s="892"/>
      <c r="H49" s="216" t="s">
        <v>188</v>
      </c>
    </row>
    <row r="50" spans="1:8" s="17" customFormat="1" ht="12" customHeight="1" x14ac:dyDescent="0.2">
      <c r="A50" s="259" t="s">
        <v>460</v>
      </c>
      <c r="B50" s="929">
        <v>1696655250</v>
      </c>
      <c r="C50" s="931"/>
      <c r="D50" s="929">
        <v>1696655250</v>
      </c>
      <c r="E50" s="931"/>
      <c r="F50" s="929">
        <v>279091855.815</v>
      </c>
      <c r="G50" s="931"/>
      <c r="H50" s="460">
        <v>16.449532444201616</v>
      </c>
    </row>
    <row r="51" spans="1:8" s="17" customFormat="1" ht="12" customHeight="1" x14ac:dyDescent="0.2">
      <c r="A51" s="259" t="s">
        <v>461</v>
      </c>
      <c r="B51" s="722">
        <v>171967500</v>
      </c>
      <c r="C51" s="723"/>
      <c r="D51" s="722">
        <v>171967500</v>
      </c>
      <c r="E51" s="723"/>
      <c r="F51" s="722">
        <v>101049881.27</v>
      </c>
      <c r="G51" s="723"/>
      <c r="H51" s="461">
        <v>58.761034073298731</v>
      </c>
    </row>
    <row r="52" spans="1:8" s="17" customFormat="1" ht="12" customHeight="1" x14ac:dyDescent="0.2">
      <c r="A52" s="259" t="s">
        <v>462</v>
      </c>
      <c r="B52" s="722">
        <v>17550000</v>
      </c>
      <c r="C52" s="723"/>
      <c r="D52" s="722">
        <v>17550000</v>
      </c>
      <c r="E52" s="723"/>
      <c r="F52" s="722">
        <v>4491193.6825000001</v>
      </c>
      <c r="G52" s="723"/>
      <c r="H52" s="461">
        <v>25.590847193732198</v>
      </c>
    </row>
    <row r="53" spans="1:8" s="17" customFormat="1" ht="12" customHeight="1" x14ac:dyDescent="0.2">
      <c r="A53" s="264" t="s">
        <v>463</v>
      </c>
      <c r="B53" s="895">
        <v>1886172750</v>
      </c>
      <c r="C53" s="934"/>
      <c r="D53" s="895">
        <v>1886172750</v>
      </c>
      <c r="E53" s="934"/>
      <c r="F53" s="895">
        <v>384632930.76749998</v>
      </c>
      <c r="G53" s="934"/>
      <c r="H53" s="461">
        <v>20.392243009952296</v>
      </c>
    </row>
    <row r="54" spans="1:8" s="218" customFormat="1" ht="15" customHeight="1" x14ac:dyDescent="0.2">
      <c r="A54" s="233" t="s">
        <v>464</v>
      </c>
      <c r="B54" s="935">
        <v>7094305250</v>
      </c>
      <c r="C54" s="936"/>
      <c r="D54" s="935">
        <v>7094305250</v>
      </c>
      <c r="E54" s="936"/>
      <c r="F54" s="935">
        <v>1241698062.1125</v>
      </c>
      <c r="G54" s="936"/>
      <c r="H54" s="462">
        <v>17.502743656434856</v>
      </c>
    </row>
    <row r="55" spans="1:8" s="218" customFormat="1" ht="5.0999999999999996" customHeight="1" x14ac:dyDescent="0.2">
      <c r="A55" s="443"/>
      <c r="B55" s="430"/>
      <c r="C55" s="430"/>
      <c r="D55" s="430"/>
      <c r="E55" s="430"/>
      <c r="F55" s="430"/>
      <c r="G55" s="430"/>
      <c r="H55" s="444"/>
    </row>
    <row r="56" spans="1:8" s="218" customFormat="1" ht="15" customHeight="1" x14ac:dyDescent="0.15">
      <c r="A56" s="875" t="s">
        <v>871</v>
      </c>
      <c r="B56" s="908" t="s">
        <v>108</v>
      </c>
      <c r="C56" s="971"/>
      <c r="D56" s="937" t="s">
        <v>108</v>
      </c>
      <c r="E56" s="938"/>
      <c r="F56" s="874" t="s">
        <v>109</v>
      </c>
      <c r="G56" s="940"/>
      <c r="H56" s="940"/>
    </row>
    <row r="57" spans="1:8" s="218" customFormat="1" ht="15" customHeight="1" x14ac:dyDescent="0.15">
      <c r="A57" s="876"/>
      <c r="B57" s="910"/>
      <c r="C57" s="972"/>
      <c r="D57" s="873" t="s">
        <v>112</v>
      </c>
      <c r="E57" s="901"/>
      <c r="F57" s="937" t="s">
        <v>115</v>
      </c>
      <c r="G57" s="938"/>
      <c r="H57" s="677" t="s">
        <v>114</v>
      </c>
    </row>
    <row r="58" spans="1:8" s="218" customFormat="1" ht="15" customHeight="1" x14ac:dyDescent="0.2">
      <c r="A58" s="877"/>
      <c r="B58" s="969" t="s">
        <v>111</v>
      </c>
      <c r="C58" s="970"/>
      <c r="D58" s="874" t="s">
        <v>116</v>
      </c>
      <c r="E58" s="892"/>
      <c r="F58" s="874" t="s">
        <v>117</v>
      </c>
      <c r="G58" s="892"/>
      <c r="H58" s="216" t="s">
        <v>188</v>
      </c>
    </row>
    <row r="59" spans="1:8" s="218" customFormat="1" ht="21" x14ac:dyDescent="0.2">
      <c r="A59" s="266" t="s">
        <v>465</v>
      </c>
      <c r="B59" s="887">
        <v>0</v>
      </c>
      <c r="C59" s="973"/>
      <c r="D59" s="887">
        <v>0</v>
      </c>
      <c r="E59" s="973"/>
      <c r="F59" s="887">
        <v>0</v>
      </c>
      <c r="G59" s="973"/>
      <c r="H59" s="437">
        <v>0</v>
      </c>
    </row>
    <row r="60" spans="1:8" s="218" customFormat="1" ht="12" customHeight="1" x14ac:dyDescent="0.2">
      <c r="A60" s="266" t="s">
        <v>466</v>
      </c>
      <c r="B60" s="720">
        <v>47811000</v>
      </c>
      <c r="C60" s="721"/>
      <c r="D60" s="720">
        <v>50759188.170000009</v>
      </c>
      <c r="E60" s="721"/>
      <c r="F60" s="720">
        <v>16992870.07</v>
      </c>
      <c r="G60" s="721"/>
      <c r="H60" s="438">
        <v>33.477426812045088</v>
      </c>
    </row>
    <row r="61" spans="1:8" s="17" customFormat="1" ht="12" customHeight="1" x14ac:dyDescent="0.2">
      <c r="A61" s="259" t="s">
        <v>467</v>
      </c>
      <c r="B61" s="893">
        <v>47811000</v>
      </c>
      <c r="C61" s="922"/>
      <c r="D61" s="893">
        <v>47811000</v>
      </c>
      <c r="E61" s="922"/>
      <c r="F61" s="893">
        <v>14044681.9</v>
      </c>
      <c r="G61" s="922"/>
      <c r="H61" s="438">
        <v>29.375419673296943</v>
      </c>
    </row>
    <row r="62" spans="1:8" s="17" customFormat="1" ht="12" customHeight="1" x14ac:dyDescent="0.2">
      <c r="A62" s="259" t="s">
        <v>468</v>
      </c>
      <c r="B62" s="893">
        <v>0</v>
      </c>
      <c r="C62" s="922"/>
      <c r="D62" s="893">
        <v>0</v>
      </c>
      <c r="E62" s="922"/>
      <c r="F62" s="893">
        <v>0</v>
      </c>
      <c r="G62" s="922"/>
      <c r="H62" s="438">
        <v>0</v>
      </c>
    </row>
    <row r="63" spans="1:8" s="17" customFormat="1" ht="12" customHeight="1" x14ac:dyDescent="0.2">
      <c r="A63" s="259" t="s">
        <v>469</v>
      </c>
      <c r="B63" s="893">
        <v>0</v>
      </c>
      <c r="C63" s="922"/>
      <c r="D63" s="893">
        <v>0</v>
      </c>
      <c r="E63" s="922"/>
      <c r="F63" s="893">
        <v>0</v>
      </c>
      <c r="G63" s="922"/>
      <c r="H63" s="438">
        <v>0</v>
      </c>
    </row>
    <row r="64" spans="1:8" s="17" customFormat="1" ht="12" customHeight="1" x14ac:dyDescent="0.2">
      <c r="A64" s="259" t="s">
        <v>470</v>
      </c>
      <c r="B64" s="893">
        <v>0</v>
      </c>
      <c r="C64" s="922"/>
      <c r="D64" s="893">
        <v>4841.84</v>
      </c>
      <c r="E64" s="922"/>
      <c r="F64" s="893">
        <v>4841.84</v>
      </c>
      <c r="G64" s="922"/>
      <c r="H64" s="438">
        <v>100</v>
      </c>
    </row>
    <row r="65" spans="1:8" s="17" customFormat="1" ht="12" customHeight="1" x14ac:dyDescent="0.2">
      <c r="A65" s="259" t="s">
        <v>471</v>
      </c>
      <c r="B65" s="893">
        <v>0</v>
      </c>
      <c r="C65" s="922"/>
      <c r="D65" s="893">
        <v>2849218.95</v>
      </c>
      <c r="E65" s="922"/>
      <c r="F65" s="893">
        <v>2849218.95</v>
      </c>
      <c r="G65" s="922"/>
      <c r="H65" s="461">
        <v>100</v>
      </c>
    </row>
    <row r="66" spans="1:8" s="17" customFormat="1" ht="12" customHeight="1" x14ac:dyDescent="0.2">
      <c r="A66" s="259" t="s">
        <v>472</v>
      </c>
      <c r="B66" s="893">
        <v>0</v>
      </c>
      <c r="C66" s="922"/>
      <c r="D66" s="893">
        <v>94127.38</v>
      </c>
      <c r="E66" s="922"/>
      <c r="F66" s="893">
        <v>94127.38</v>
      </c>
      <c r="G66" s="922"/>
      <c r="H66" s="438">
        <v>0</v>
      </c>
    </row>
    <row r="67" spans="1:8" s="218" customFormat="1" ht="12" customHeight="1" x14ac:dyDescent="0.2">
      <c r="A67" s="662" t="s">
        <v>877</v>
      </c>
      <c r="B67" s="720">
        <v>160903300</v>
      </c>
      <c r="C67" s="721"/>
      <c r="D67" s="720">
        <v>160903300</v>
      </c>
      <c r="E67" s="721"/>
      <c r="F67" s="720">
        <v>1770</v>
      </c>
      <c r="G67" s="721"/>
      <c r="H67" s="438">
        <v>1.100039588995378E-3</v>
      </c>
    </row>
    <row r="68" spans="1:8" s="17" customFormat="1" ht="12" customHeight="1" x14ac:dyDescent="0.2">
      <c r="A68" s="259" t="s">
        <v>473</v>
      </c>
      <c r="B68" s="893">
        <v>160903300</v>
      </c>
      <c r="C68" s="922"/>
      <c r="D68" s="893">
        <v>160903300</v>
      </c>
      <c r="E68" s="922"/>
      <c r="F68" s="893">
        <v>1770</v>
      </c>
      <c r="G68" s="922"/>
      <c r="H68" s="438">
        <v>1.100039588995378E-3</v>
      </c>
    </row>
    <row r="69" spans="1:8" s="17" customFormat="1" ht="12" customHeight="1" x14ac:dyDescent="0.2">
      <c r="A69" s="106" t="s">
        <v>474</v>
      </c>
      <c r="B69" s="893">
        <v>0</v>
      </c>
      <c r="C69" s="922"/>
      <c r="D69" s="893">
        <v>0</v>
      </c>
      <c r="E69" s="922"/>
      <c r="F69" s="893">
        <v>0</v>
      </c>
      <c r="G69" s="922"/>
      <c r="H69" s="438">
        <v>0</v>
      </c>
    </row>
    <row r="70" spans="1:8" s="218" customFormat="1" ht="12" customHeight="1" x14ac:dyDescent="0.2">
      <c r="A70" s="266" t="s">
        <v>475</v>
      </c>
      <c r="B70" s="974">
        <v>0</v>
      </c>
      <c r="C70" s="975"/>
      <c r="D70" s="893">
        <v>0</v>
      </c>
      <c r="E70" s="922"/>
      <c r="F70" s="974">
        <v>0</v>
      </c>
      <c r="G70" s="975"/>
      <c r="H70" s="438">
        <v>0</v>
      </c>
    </row>
    <row r="71" spans="1:8" s="218" customFormat="1" ht="15" customHeight="1" x14ac:dyDescent="0.2">
      <c r="A71" s="234" t="s">
        <v>792</v>
      </c>
      <c r="B71" s="881">
        <v>0</v>
      </c>
      <c r="C71" s="882"/>
      <c r="D71" s="881">
        <v>0</v>
      </c>
      <c r="E71" s="882"/>
      <c r="F71" s="881">
        <v>0</v>
      </c>
      <c r="G71" s="882"/>
      <c r="H71" s="437">
        <v>0</v>
      </c>
    </row>
    <row r="72" spans="1:8" s="218" customFormat="1" ht="24.95" customHeight="1" x14ac:dyDescent="0.2">
      <c r="A72" s="423" t="s">
        <v>816</v>
      </c>
      <c r="B72" s="935">
        <v>208714300</v>
      </c>
      <c r="C72" s="936"/>
      <c r="D72" s="935">
        <v>211662488.17000002</v>
      </c>
      <c r="E72" s="936"/>
      <c r="F72" s="935">
        <v>16994640.07</v>
      </c>
      <c r="G72" s="919"/>
      <c r="H72" s="459">
        <v>8.0291223149330513</v>
      </c>
    </row>
    <row r="73" spans="1:8" s="218" customFormat="1" ht="5.0999999999999996" customHeight="1" x14ac:dyDescent="0.2">
      <c r="A73" s="439"/>
      <c r="B73" s="430"/>
      <c r="C73" s="430"/>
      <c r="D73" s="430"/>
      <c r="E73" s="430"/>
      <c r="F73" s="440"/>
      <c r="G73" s="440"/>
      <c r="H73" s="235"/>
    </row>
    <row r="74" spans="1:8" s="218" customFormat="1" ht="15" customHeight="1" x14ac:dyDescent="0.2">
      <c r="A74" s="880" t="s">
        <v>195</v>
      </c>
      <c r="B74" s="880"/>
      <c r="C74" s="880"/>
      <c r="D74" s="880"/>
      <c r="E74" s="880"/>
      <c r="F74" s="880"/>
      <c r="G74" s="880"/>
      <c r="H74" s="880"/>
    </row>
    <row r="75" spans="1:8" s="218" customFormat="1" ht="15" customHeight="1" x14ac:dyDescent="0.2">
      <c r="A75" s="875" t="s">
        <v>196</v>
      </c>
      <c r="B75" s="908" t="s">
        <v>108</v>
      </c>
      <c r="C75" s="971"/>
      <c r="D75" s="872" t="s">
        <v>108</v>
      </c>
      <c r="E75" s="883"/>
      <c r="F75" s="879" t="s">
        <v>109</v>
      </c>
      <c r="G75" s="880"/>
      <c r="H75" s="880"/>
    </row>
    <row r="76" spans="1:8" s="218" customFormat="1" ht="15" customHeight="1" x14ac:dyDescent="0.15">
      <c r="A76" s="876"/>
      <c r="B76" s="910"/>
      <c r="C76" s="972"/>
      <c r="D76" s="873" t="s">
        <v>112</v>
      </c>
      <c r="E76" s="901"/>
      <c r="F76" s="937" t="s">
        <v>115</v>
      </c>
      <c r="G76" s="938"/>
      <c r="H76" s="677" t="s">
        <v>114</v>
      </c>
    </row>
    <row r="77" spans="1:8" s="218" customFormat="1" ht="15" customHeight="1" x14ac:dyDescent="0.2">
      <c r="A77" s="877"/>
      <c r="B77" s="891" t="s">
        <v>111</v>
      </c>
      <c r="C77" s="877"/>
      <c r="D77" s="874" t="s">
        <v>116</v>
      </c>
      <c r="E77" s="892"/>
      <c r="F77" s="874" t="s">
        <v>117</v>
      </c>
      <c r="G77" s="892"/>
      <c r="H77" s="216" t="s">
        <v>188</v>
      </c>
    </row>
    <row r="78" spans="1:8" s="218" customFormat="1" ht="12" customHeight="1" x14ac:dyDescent="0.2">
      <c r="A78" s="236" t="s">
        <v>476</v>
      </c>
      <c r="B78" s="805">
        <v>1302242850</v>
      </c>
      <c r="C78" s="806"/>
      <c r="D78" s="805">
        <v>1302242850</v>
      </c>
      <c r="E78" s="806"/>
      <c r="F78" s="805">
        <v>234445852.4745</v>
      </c>
      <c r="G78" s="850"/>
      <c r="H78" s="463">
        <v>18.003235915213512</v>
      </c>
    </row>
    <row r="79" spans="1:8" s="17" customFormat="1" ht="12" customHeight="1" x14ac:dyDescent="0.2">
      <c r="A79" s="259" t="s">
        <v>477</v>
      </c>
      <c r="B79" s="799">
        <v>1017993150</v>
      </c>
      <c r="C79" s="803"/>
      <c r="D79" s="799">
        <v>1017993150</v>
      </c>
      <c r="E79" s="803"/>
      <c r="F79" s="799">
        <v>167455113.48899999</v>
      </c>
      <c r="G79" s="848"/>
      <c r="H79" s="464">
        <v>16.449532444201612</v>
      </c>
    </row>
    <row r="80" spans="1:8" s="17" customFormat="1" ht="12" customHeight="1" x14ac:dyDescent="0.2">
      <c r="A80" s="259" t="s">
        <v>478</v>
      </c>
      <c r="B80" s="799">
        <v>21606200</v>
      </c>
      <c r="C80" s="803"/>
      <c r="D80" s="799">
        <v>21606200</v>
      </c>
      <c r="E80" s="803"/>
      <c r="F80" s="799">
        <v>2253703.304</v>
      </c>
      <c r="G80" s="848"/>
      <c r="H80" s="464">
        <v>10.43081756162583</v>
      </c>
    </row>
    <row r="81" spans="1:8" s="17" customFormat="1" ht="12" customHeight="1" x14ac:dyDescent="0.2">
      <c r="A81" s="259" t="s">
        <v>479</v>
      </c>
      <c r="B81" s="799">
        <v>34393500</v>
      </c>
      <c r="C81" s="803"/>
      <c r="D81" s="799">
        <v>34393500</v>
      </c>
      <c r="E81" s="803"/>
      <c r="F81" s="799">
        <v>20209976.254000001</v>
      </c>
      <c r="G81" s="848"/>
      <c r="H81" s="464">
        <v>58.761034073298731</v>
      </c>
    </row>
    <row r="82" spans="1:8" s="17" customFormat="1" ht="12" customHeight="1" x14ac:dyDescent="0.2">
      <c r="A82" s="259" t="s">
        <v>480</v>
      </c>
      <c r="B82" s="799">
        <v>214100000</v>
      </c>
      <c r="C82" s="803"/>
      <c r="D82" s="799">
        <v>214100000</v>
      </c>
      <c r="E82" s="803"/>
      <c r="F82" s="799">
        <v>41832343.218000002</v>
      </c>
      <c r="G82" s="848"/>
      <c r="H82" s="464">
        <v>19.538693702942549</v>
      </c>
    </row>
    <row r="83" spans="1:8" s="17" customFormat="1" ht="12" customHeight="1" x14ac:dyDescent="0.2">
      <c r="A83" s="259" t="s">
        <v>481</v>
      </c>
      <c r="B83" s="799">
        <v>3620000</v>
      </c>
      <c r="C83" s="803"/>
      <c r="D83" s="799">
        <v>3620000</v>
      </c>
      <c r="E83" s="803"/>
      <c r="F83" s="799">
        <v>0</v>
      </c>
      <c r="G83" s="848"/>
      <c r="H83" s="464">
        <v>0</v>
      </c>
    </row>
    <row r="84" spans="1:8" s="17" customFormat="1" ht="12" customHeight="1" x14ac:dyDescent="0.2">
      <c r="A84" s="259" t="s">
        <v>482</v>
      </c>
      <c r="B84" s="799">
        <v>10530000</v>
      </c>
      <c r="C84" s="803"/>
      <c r="D84" s="799">
        <v>10530000</v>
      </c>
      <c r="E84" s="803"/>
      <c r="F84" s="799">
        <v>2694716.2094999999</v>
      </c>
      <c r="G84" s="848"/>
      <c r="H84" s="464">
        <v>25.590847193732191</v>
      </c>
    </row>
    <row r="85" spans="1:8" s="218" customFormat="1" ht="12" customHeight="1" x14ac:dyDescent="0.2">
      <c r="A85" s="266" t="s">
        <v>483</v>
      </c>
      <c r="B85" s="889">
        <v>927764000</v>
      </c>
      <c r="C85" s="890"/>
      <c r="D85" s="889">
        <v>928436419.25999999</v>
      </c>
      <c r="E85" s="890"/>
      <c r="F85" s="889">
        <v>157527944.47</v>
      </c>
      <c r="G85" s="848"/>
      <c r="H85" s="465">
        <v>16.96701477905788</v>
      </c>
    </row>
    <row r="86" spans="1:8" s="17" customFormat="1" ht="12" customHeight="1" x14ac:dyDescent="0.2">
      <c r="A86" s="259" t="s">
        <v>484</v>
      </c>
      <c r="B86" s="722">
        <v>927764000</v>
      </c>
      <c r="C86" s="723"/>
      <c r="D86" s="799">
        <v>927764000</v>
      </c>
      <c r="E86" s="803"/>
      <c r="F86" s="799">
        <v>156843608.84</v>
      </c>
      <c r="G86" s="848"/>
      <c r="H86" s="464">
        <v>16.905550208889331</v>
      </c>
    </row>
    <row r="87" spans="1:8" s="17" customFormat="1" ht="12" customHeight="1" x14ac:dyDescent="0.2">
      <c r="A87" s="259" t="s">
        <v>485</v>
      </c>
      <c r="B87" s="799">
        <v>0</v>
      </c>
      <c r="C87" s="803"/>
      <c r="D87" s="799">
        <v>0</v>
      </c>
      <c r="E87" s="803"/>
      <c r="F87" s="799">
        <v>0</v>
      </c>
      <c r="G87" s="848"/>
      <c r="H87" s="464">
        <v>0</v>
      </c>
    </row>
    <row r="88" spans="1:8" s="17" customFormat="1" ht="12" customHeight="1" x14ac:dyDescent="0.2">
      <c r="A88" s="264" t="s">
        <v>486</v>
      </c>
      <c r="B88" s="764">
        <v>0</v>
      </c>
      <c r="C88" s="765"/>
      <c r="D88" s="764">
        <v>672419.26</v>
      </c>
      <c r="E88" s="765"/>
      <c r="F88" s="801">
        <v>684335.63</v>
      </c>
      <c r="G88" s="849"/>
      <c r="H88" s="465">
        <v>101.77216369441886</v>
      </c>
    </row>
    <row r="89" spans="1:8" s="218" customFormat="1" ht="15" customHeight="1" x14ac:dyDescent="0.2">
      <c r="A89" s="233" t="s">
        <v>487</v>
      </c>
      <c r="B89" s="703">
        <v>-374478850</v>
      </c>
      <c r="C89" s="704"/>
      <c r="D89" s="703">
        <v>-374478850</v>
      </c>
      <c r="E89" s="704"/>
      <c r="F89" s="703">
        <v>-77602243.634499997</v>
      </c>
      <c r="G89" s="919"/>
      <c r="H89" s="459">
        <v>20.72273070548577</v>
      </c>
    </row>
    <row r="90" spans="1:8" s="17" customFormat="1" ht="10.5" customHeight="1" x14ac:dyDescent="0.2">
      <c r="A90" s="282" t="s">
        <v>434</v>
      </c>
      <c r="B90" s="280"/>
      <c r="C90" s="280"/>
      <c r="D90" s="280"/>
      <c r="E90" s="280"/>
      <c r="F90" s="280"/>
      <c r="G90" s="80"/>
      <c r="H90" s="79"/>
    </row>
    <row r="91" spans="1:8" s="17" customFormat="1" ht="10.5" customHeight="1" x14ac:dyDescent="0.2">
      <c r="A91" s="102" t="s">
        <v>435</v>
      </c>
      <c r="B91" s="281"/>
      <c r="C91" s="281"/>
      <c r="D91" s="281"/>
      <c r="E91" s="281"/>
      <c r="F91" s="281"/>
      <c r="G91" s="89"/>
      <c r="H91" s="88"/>
    </row>
    <row r="92" spans="1:8" s="17" customFormat="1" ht="5.0999999999999996" customHeight="1" x14ac:dyDescent="0.2">
      <c r="A92" s="96"/>
      <c r="B92" s="441"/>
      <c r="C92" s="441"/>
      <c r="D92" s="281"/>
      <c r="E92" s="281"/>
      <c r="F92" s="281"/>
      <c r="G92" s="271"/>
      <c r="H92" s="271"/>
    </row>
    <row r="93" spans="1:8" s="218" customFormat="1" ht="51.75" customHeight="1" x14ac:dyDescent="0.2">
      <c r="A93" s="875" t="s">
        <v>197</v>
      </c>
      <c r="B93" s="77" t="s">
        <v>157</v>
      </c>
      <c r="C93" s="77" t="s">
        <v>157</v>
      </c>
      <c r="D93" s="879" t="s">
        <v>158</v>
      </c>
      <c r="E93" s="880"/>
      <c r="F93" s="879" t="s">
        <v>159</v>
      </c>
      <c r="G93" s="880"/>
      <c r="H93" s="961" t="s">
        <v>793</v>
      </c>
    </row>
    <row r="94" spans="1:8" s="218" customFormat="1" ht="15" customHeight="1" x14ac:dyDescent="0.15">
      <c r="A94" s="876"/>
      <c r="B94" s="78" t="s">
        <v>111</v>
      </c>
      <c r="C94" s="78" t="s">
        <v>112</v>
      </c>
      <c r="D94" s="678" t="s">
        <v>115</v>
      </c>
      <c r="E94" s="677" t="s">
        <v>114</v>
      </c>
      <c r="F94" s="678" t="s">
        <v>115</v>
      </c>
      <c r="G94" s="677" t="s">
        <v>114</v>
      </c>
      <c r="H94" s="962"/>
    </row>
    <row r="95" spans="1:8" s="218" customFormat="1" ht="15" customHeight="1" x14ac:dyDescent="0.2">
      <c r="A95" s="877"/>
      <c r="B95" s="214"/>
      <c r="C95" s="213" t="s">
        <v>162</v>
      </c>
      <c r="D95" s="213" t="s">
        <v>163</v>
      </c>
      <c r="E95" s="216" t="s">
        <v>198</v>
      </c>
      <c r="F95" s="213" t="s">
        <v>164</v>
      </c>
      <c r="G95" s="216" t="s">
        <v>454</v>
      </c>
      <c r="H95" s="238" t="s">
        <v>352</v>
      </c>
    </row>
    <row r="96" spans="1:8" s="218" customFormat="1" ht="12" customHeight="1" x14ac:dyDescent="0.2">
      <c r="A96" s="236" t="s">
        <v>488</v>
      </c>
      <c r="B96" s="466">
        <v>921164000</v>
      </c>
      <c r="C96" s="466">
        <v>921164000</v>
      </c>
      <c r="D96" s="466">
        <v>192294192.27000001</v>
      </c>
      <c r="E96" s="467">
        <v>20.875131059181644</v>
      </c>
      <c r="F96" s="466">
        <v>143823286.58000001</v>
      </c>
      <c r="G96" s="468">
        <v>15.613211825472989</v>
      </c>
      <c r="H96" s="438">
        <v>0</v>
      </c>
    </row>
    <row r="97" spans="1:8" s="17" customFormat="1" ht="12" customHeight="1" x14ac:dyDescent="0.2">
      <c r="A97" s="259" t="s">
        <v>489</v>
      </c>
      <c r="B97" s="469">
        <v>552698400</v>
      </c>
      <c r="C97" s="469">
        <v>552698400</v>
      </c>
      <c r="D97" s="469">
        <v>115376515.362</v>
      </c>
      <c r="E97" s="470">
        <v>20.875131059181644</v>
      </c>
      <c r="F97" s="471">
        <v>86293971.947999999</v>
      </c>
      <c r="G97" s="472">
        <v>15.613211825472989</v>
      </c>
      <c r="H97" s="461">
        <v>0</v>
      </c>
    </row>
    <row r="98" spans="1:8" s="17" customFormat="1" ht="12" customHeight="1" x14ac:dyDescent="0.2">
      <c r="A98" s="259" t="s">
        <v>490</v>
      </c>
      <c r="B98" s="469">
        <v>368465600</v>
      </c>
      <c r="C98" s="469">
        <v>368465600</v>
      </c>
      <c r="D98" s="469">
        <v>76917676.908000007</v>
      </c>
      <c r="E98" s="470">
        <v>20.875131059181644</v>
      </c>
      <c r="F98" s="471">
        <v>57529314.632000007</v>
      </c>
      <c r="G98" s="472">
        <v>15.613211825472989</v>
      </c>
      <c r="H98" s="461">
        <v>0</v>
      </c>
    </row>
    <row r="99" spans="1:8" s="218" customFormat="1" ht="12" customHeight="1" x14ac:dyDescent="0.2">
      <c r="A99" s="266" t="s">
        <v>491</v>
      </c>
      <c r="B99" s="467">
        <v>6600000</v>
      </c>
      <c r="C99" s="467">
        <v>6600000</v>
      </c>
      <c r="D99" s="467">
        <v>0</v>
      </c>
      <c r="E99" s="473">
        <v>0</v>
      </c>
      <c r="F99" s="467">
        <v>0</v>
      </c>
      <c r="G99" s="473">
        <v>0</v>
      </c>
      <c r="H99" s="438">
        <v>0</v>
      </c>
    </row>
    <row r="100" spans="1:8" s="17" customFormat="1" ht="12" customHeight="1" x14ac:dyDescent="0.2">
      <c r="A100" s="259" t="s">
        <v>492</v>
      </c>
      <c r="B100" s="469">
        <v>6600000</v>
      </c>
      <c r="C100" s="469">
        <v>6600000</v>
      </c>
      <c r="D100" s="469">
        <v>0</v>
      </c>
      <c r="E100" s="474">
        <v>0</v>
      </c>
      <c r="F100" s="471">
        <v>0</v>
      </c>
      <c r="G100" s="474">
        <v>0</v>
      </c>
      <c r="H100" s="461">
        <v>0</v>
      </c>
    </row>
    <row r="101" spans="1:8" s="17" customFormat="1" ht="12" customHeight="1" x14ac:dyDescent="0.2">
      <c r="A101" s="264" t="s">
        <v>493</v>
      </c>
      <c r="B101" s="475">
        <v>0</v>
      </c>
      <c r="C101" s="475">
        <v>0</v>
      </c>
      <c r="D101" s="475">
        <v>0</v>
      </c>
      <c r="E101" s="476">
        <v>0</v>
      </c>
      <c r="F101" s="477">
        <v>0</v>
      </c>
      <c r="G101" s="478">
        <v>0</v>
      </c>
      <c r="H101" s="479">
        <v>0</v>
      </c>
    </row>
    <row r="102" spans="1:8" s="218" customFormat="1" ht="15" customHeight="1" x14ac:dyDescent="0.2">
      <c r="A102" s="233" t="s">
        <v>494</v>
      </c>
      <c r="B102" s="480">
        <v>927764000</v>
      </c>
      <c r="C102" s="480">
        <v>927764000</v>
      </c>
      <c r="D102" s="480">
        <v>192294192.27000001</v>
      </c>
      <c r="E102" s="481">
        <v>20.726627921540395</v>
      </c>
      <c r="F102" s="480">
        <v>143823286.58000001</v>
      </c>
      <c r="G102" s="482">
        <v>15.502141339823492</v>
      </c>
      <c r="H102" s="483">
        <v>0</v>
      </c>
    </row>
    <row r="103" spans="1:8" s="218" customFormat="1" ht="5.0999999999999996" customHeight="1" x14ac:dyDescent="0.2">
      <c r="A103" s="443"/>
      <c r="B103" s="445"/>
      <c r="C103" s="445"/>
      <c r="D103" s="445"/>
      <c r="E103" s="446"/>
      <c r="F103" s="445"/>
      <c r="G103" s="447"/>
      <c r="H103" s="445"/>
    </row>
    <row r="104" spans="1:8" s="17" customFormat="1" ht="15" customHeight="1" x14ac:dyDescent="0.2">
      <c r="A104" s="880" t="s">
        <v>436</v>
      </c>
      <c r="B104" s="880"/>
      <c r="C104" s="880"/>
      <c r="D104" s="880"/>
      <c r="E104" s="880"/>
      <c r="F104" s="884"/>
      <c r="G104" s="959"/>
      <c r="H104" s="960"/>
    </row>
    <row r="105" spans="1:8" s="218" customFormat="1" ht="12" customHeight="1" x14ac:dyDescent="0.2">
      <c r="A105" s="967" t="s">
        <v>495</v>
      </c>
      <c r="B105" s="967"/>
      <c r="C105" s="967"/>
      <c r="D105" s="967"/>
      <c r="E105" s="967"/>
      <c r="F105" s="968"/>
      <c r="G105" s="887">
        <v>0</v>
      </c>
      <c r="H105" s="981"/>
    </row>
    <row r="106" spans="1:8" s="17" customFormat="1" ht="12" customHeight="1" x14ac:dyDescent="0.2">
      <c r="A106" s="943" t="s">
        <v>496</v>
      </c>
      <c r="B106" s="943"/>
      <c r="C106" s="943"/>
      <c r="D106" s="943"/>
      <c r="E106" s="943"/>
      <c r="F106" s="944"/>
      <c r="G106" s="893">
        <v>0</v>
      </c>
      <c r="H106" s="964"/>
    </row>
    <row r="107" spans="1:8" s="17" customFormat="1" ht="12" customHeight="1" x14ac:dyDescent="0.2">
      <c r="A107" s="943" t="s">
        <v>497</v>
      </c>
      <c r="B107" s="943"/>
      <c r="C107" s="943"/>
      <c r="D107" s="943"/>
      <c r="E107" s="943"/>
      <c r="F107" s="944"/>
      <c r="G107" s="893">
        <v>0</v>
      </c>
      <c r="H107" s="964"/>
    </row>
    <row r="108" spans="1:8" s="218" customFormat="1" ht="12" customHeight="1" x14ac:dyDescent="0.2">
      <c r="A108" s="878" t="s">
        <v>498</v>
      </c>
      <c r="B108" s="878"/>
      <c r="C108" s="878"/>
      <c r="D108" s="878"/>
      <c r="E108" s="878"/>
      <c r="F108" s="966"/>
      <c r="G108" s="932">
        <v>0</v>
      </c>
      <c r="H108" s="965"/>
    </row>
    <row r="109" spans="1:8" s="17" customFormat="1" ht="12" customHeight="1" x14ac:dyDescent="0.2">
      <c r="A109" s="943" t="s">
        <v>499</v>
      </c>
      <c r="B109" s="943"/>
      <c r="C109" s="943"/>
      <c r="D109" s="943"/>
      <c r="E109" s="943"/>
      <c r="F109" s="944"/>
      <c r="G109" s="893">
        <v>0</v>
      </c>
      <c r="H109" s="964"/>
    </row>
    <row r="110" spans="1:8" s="17" customFormat="1" ht="12" customHeight="1" x14ac:dyDescent="0.2">
      <c r="A110" s="957" t="s">
        <v>500</v>
      </c>
      <c r="B110" s="957"/>
      <c r="C110" s="957"/>
      <c r="D110" s="957"/>
      <c r="E110" s="957"/>
      <c r="F110" s="958"/>
      <c r="G110" s="895">
        <v>0</v>
      </c>
      <c r="H110" s="963"/>
    </row>
    <row r="111" spans="1:8" s="218" customFormat="1" ht="15" customHeight="1" x14ac:dyDescent="0.2">
      <c r="A111" s="906" t="s">
        <v>501</v>
      </c>
      <c r="B111" s="906"/>
      <c r="C111" s="906"/>
      <c r="D111" s="906"/>
      <c r="E111" s="906"/>
      <c r="F111" s="907"/>
      <c r="G111" s="885">
        <v>0</v>
      </c>
      <c r="H111" s="886"/>
    </row>
    <row r="112" spans="1:8" s="218" customFormat="1" ht="5.0999999999999996" customHeight="1" x14ac:dyDescent="0.2">
      <c r="A112" s="510"/>
      <c r="B112" s="510"/>
      <c r="C112" s="510"/>
      <c r="D112" s="510"/>
      <c r="E112" s="510"/>
      <c r="F112" s="510"/>
      <c r="G112" s="511"/>
      <c r="H112" s="512"/>
    </row>
    <row r="113" spans="1:8" s="218" customFormat="1" ht="15" customHeight="1" x14ac:dyDescent="0.2">
      <c r="A113" s="880" t="s">
        <v>437</v>
      </c>
      <c r="B113" s="880"/>
      <c r="C113" s="880"/>
      <c r="D113" s="880"/>
      <c r="E113" s="880"/>
      <c r="F113" s="884"/>
      <c r="G113" s="879" t="s">
        <v>209</v>
      </c>
      <c r="H113" s="880"/>
    </row>
    <row r="114" spans="1:8" s="218" customFormat="1" ht="10.5" x14ac:dyDescent="0.2">
      <c r="A114" s="955" t="s">
        <v>502</v>
      </c>
      <c r="B114" s="955"/>
      <c r="C114" s="955"/>
      <c r="D114" s="955"/>
      <c r="E114" s="955"/>
      <c r="F114" s="956"/>
      <c r="G114" s="887">
        <v>143823286.58000001</v>
      </c>
      <c r="H114" s="888"/>
    </row>
    <row r="115" spans="1:8" s="17" customFormat="1" x14ac:dyDescent="0.2">
      <c r="A115" s="904" t="s">
        <v>639</v>
      </c>
      <c r="B115" s="904"/>
      <c r="C115" s="904"/>
      <c r="D115" s="904"/>
      <c r="E115" s="904"/>
      <c r="F115" s="905"/>
      <c r="G115" s="893">
        <v>91.300173479626707</v>
      </c>
      <c r="H115" s="894"/>
    </row>
    <row r="116" spans="1:8" s="17" customFormat="1" ht="10.5" x14ac:dyDescent="0.2">
      <c r="A116" s="904" t="s">
        <v>503</v>
      </c>
      <c r="B116" s="904"/>
      <c r="C116" s="904"/>
      <c r="D116" s="904"/>
      <c r="E116" s="904"/>
      <c r="F116" s="905"/>
      <c r="G116" s="893">
        <v>0</v>
      </c>
      <c r="H116" s="894"/>
    </row>
    <row r="117" spans="1:8" s="17" customFormat="1" ht="10.5" x14ac:dyDescent="0.2">
      <c r="A117" s="902" t="s">
        <v>504</v>
      </c>
      <c r="B117" s="902"/>
      <c r="C117" s="902"/>
      <c r="D117" s="902"/>
      <c r="E117" s="902"/>
      <c r="F117" s="903"/>
      <c r="G117" s="895">
        <v>8.6998265203732927</v>
      </c>
      <c r="H117" s="896"/>
    </row>
    <row r="118" spans="1:8" s="218" customFormat="1" ht="15" customHeight="1" x14ac:dyDescent="0.2">
      <c r="A118" s="880" t="s">
        <v>341</v>
      </c>
      <c r="B118" s="880"/>
      <c r="C118" s="880"/>
      <c r="D118" s="880"/>
      <c r="E118" s="880"/>
      <c r="F118" s="884"/>
      <c r="G118" s="879" t="s">
        <v>209</v>
      </c>
      <c r="H118" s="880"/>
    </row>
    <row r="119" spans="1:8" s="218" customFormat="1" ht="10.5" x14ac:dyDescent="0.2">
      <c r="A119" s="920" t="s">
        <v>825</v>
      </c>
      <c r="B119" s="920"/>
      <c r="C119" s="920"/>
      <c r="D119" s="920"/>
      <c r="E119" s="920"/>
      <c r="F119" s="921"/>
      <c r="G119" s="897">
        <v>0</v>
      </c>
      <c r="H119" s="898"/>
    </row>
    <row r="120" spans="1:8" s="218" customFormat="1" x14ac:dyDescent="0.2">
      <c r="A120" s="917" t="s">
        <v>826</v>
      </c>
      <c r="B120" s="917"/>
      <c r="C120" s="917"/>
      <c r="D120" s="917"/>
      <c r="E120" s="917"/>
      <c r="F120" s="918"/>
      <c r="G120" s="899">
        <v>0</v>
      </c>
      <c r="H120" s="900"/>
    </row>
    <row r="121" spans="1:8" s="218" customFormat="1" ht="5.0999999999999996" customHeight="1" x14ac:dyDescent="0.2">
      <c r="A121" s="425"/>
      <c r="B121" s="425"/>
      <c r="C121" s="425"/>
      <c r="D121" s="425"/>
      <c r="E121" s="425"/>
      <c r="F121" s="425"/>
      <c r="G121" s="426"/>
      <c r="H121" s="426"/>
    </row>
    <row r="122" spans="1:8" s="17" customFormat="1" ht="15" customHeight="1" x14ac:dyDescent="0.2">
      <c r="A122" s="880" t="s">
        <v>340</v>
      </c>
      <c r="B122" s="880"/>
      <c r="C122" s="880"/>
      <c r="D122" s="880"/>
      <c r="E122" s="880"/>
      <c r="F122" s="880"/>
      <c r="G122" s="880"/>
      <c r="H122" s="880"/>
    </row>
    <row r="123" spans="1:8" s="218" customFormat="1" ht="15" customHeight="1" x14ac:dyDescent="0.2">
      <c r="A123" s="875" t="s">
        <v>342</v>
      </c>
      <c r="B123" s="872" t="s">
        <v>108</v>
      </c>
      <c r="C123" s="883"/>
      <c r="D123" s="872" t="s">
        <v>108</v>
      </c>
      <c r="E123" s="883"/>
      <c r="F123" s="879" t="s">
        <v>109</v>
      </c>
      <c r="G123" s="880"/>
      <c r="H123" s="880"/>
    </row>
    <row r="124" spans="1:8" s="218" customFormat="1" ht="15" customHeight="1" x14ac:dyDescent="0.2">
      <c r="A124" s="876"/>
      <c r="B124" s="873"/>
      <c r="C124" s="901"/>
      <c r="D124" s="873" t="s">
        <v>112</v>
      </c>
      <c r="E124" s="901"/>
      <c r="F124" s="872" t="s">
        <v>115</v>
      </c>
      <c r="G124" s="883"/>
      <c r="H124" s="215" t="s">
        <v>114</v>
      </c>
    </row>
    <row r="125" spans="1:8" s="218" customFormat="1" ht="15" customHeight="1" x14ac:dyDescent="0.2">
      <c r="A125" s="877"/>
      <c r="B125" s="874" t="s">
        <v>111</v>
      </c>
      <c r="C125" s="892"/>
      <c r="D125" s="874" t="s">
        <v>116</v>
      </c>
      <c r="E125" s="892"/>
      <c r="F125" s="874" t="s">
        <v>117</v>
      </c>
      <c r="G125" s="892"/>
      <c r="H125" s="216" t="s">
        <v>188</v>
      </c>
    </row>
    <row r="126" spans="1:8" s="218" customFormat="1" ht="15" customHeight="1" x14ac:dyDescent="0.2">
      <c r="A126" s="249" t="s">
        <v>794</v>
      </c>
      <c r="B126" s="881">
        <v>1773576312.5</v>
      </c>
      <c r="C126" s="882"/>
      <c r="D126" s="881">
        <v>1773576312.5</v>
      </c>
      <c r="E126" s="882"/>
      <c r="F126" s="881">
        <v>310424515.52812499</v>
      </c>
      <c r="G126" s="882"/>
      <c r="H126" s="484">
        <v>17.502743656434856</v>
      </c>
    </row>
    <row r="127" spans="1:8" s="218" customFormat="1" ht="5.0999999999999996" customHeight="1" x14ac:dyDescent="0.2">
      <c r="A127" s="84"/>
      <c r="B127" s="508"/>
      <c r="C127" s="508"/>
      <c r="D127" s="508"/>
      <c r="E127" s="508"/>
      <c r="F127" s="508"/>
      <c r="G127" s="508"/>
      <c r="H127" s="509"/>
    </row>
    <row r="128" spans="1:8" s="218" customFormat="1" ht="50.1" customHeight="1" x14ac:dyDescent="0.15">
      <c r="A128" s="875" t="s">
        <v>343</v>
      </c>
      <c r="B128" s="678" t="s">
        <v>157</v>
      </c>
      <c r="C128" s="678" t="s">
        <v>157</v>
      </c>
      <c r="D128" s="879" t="s">
        <v>158</v>
      </c>
      <c r="E128" s="880"/>
      <c r="F128" s="879" t="s">
        <v>159</v>
      </c>
      <c r="G128" s="880"/>
      <c r="H128" s="244" t="s">
        <v>793</v>
      </c>
    </row>
    <row r="129" spans="1:8" s="218" customFormat="1" ht="15" customHeight="1" x14ac:dyDescent="0.15">
      <c r="A129" s="876"/>
      <c r="B129" s="912" t="s">
        <v>111</v>
      </c>
      <c r="C129" s="78" t="s">
        <v>112</v>
      </c>
      <c r="D129" s="678" t="s">
        <v>115</v>
      </c>
      <c r="E129" s="677" t="s">
        <v>114</v>
      </c>
      <c r="F129" s="678" t="s">
        <v>115</v>
      </c>
      <c r="G129" s="677" t="s">
        <v>114</v>
      </c>
      <c r="H129" s="245"/>
    </row>
    <row r="130" spans="1:8" s="218" customFormat="1" ht="15" customHeight="1" x14ac:dyDescent="0.2">
      <c r="A130" s="877"/>
      <c r="B130" s="913"/>
      <c r="C130" s="213" t="s">
        <v>162</v>
      </c>
      <c r="D130" s="675" t="s">
        <v>163</v>
      </c>
      <c r="E130" s="679" t="s">
        <v>198</v>
      </c>
      <c r="F130" s="675" t="s">
        <v>164</v>
      </c>
      <c r="G130" s="679" t="s">
        <v>454</v>
      </c>
      <c r="H130" s="237" t="s">
        <v>352</v>
      </c>
    </row>
    <row r="131" spans="1:8" s="218" customFormat="1" ht="12" customHeight="1" x14ac:dyDescent="0.2">
      <c r="A131" s="236" t="s">
        <v>505</v>
      </c>
      <c r="B131" s="485">
        <v>140400</v>
      </c>
      <c r="C131" s="485">
        <v>140400</v>
      </c>
      <c r="D131" s="428">
        <v>0</v>
      </c>
      <c r="E131" s="428">
        <v>0</v>
      </c>
      <c r="F131" s="428">
        <v>0</v>
      </c>
      <c r="G131" s="428">
        <v>0</v>
      </c>
      <c r="H131" s="428">
        <v>0</v>
      </c>
    </row>
    <row r="132" spans="1:8" s="17" customFormat="1" ht="12" customHeight="1" x14ac:dyDescent="0.2">
      <c r="A132" s="648" t="s">
        <v>506</v>
      </c>
      <c r="B132" s="486">
        <v>140400</v>
      </c>
      <c r="C132" s="486">
        <v>140400</v>
      </c>
      <c r="D132" s="579">
        <v>0</v>
      </c>
      <c r="E132" s="579">
        <v>0</v>
      </c>
      <c r="F132" s="579">
        <v>0</v>
      </c>
      <c r="G132" s="579">
        <v>0</v>
      </c>
      <c r="H132" s="579">
        <v>0</v>
      </c>
    </row>
    <row r="133" spans="1:8" s="17" customFormat="1" ht="12" customHeight="1" x14ac:dyDescent="0.2">
      <c r="A133" s="648" t="s">
        <v>507</v>
      </c>
      <c r="B133" s="486">
        <v>0</v>
      </c>
      <c r="C133" s="486">
        <v>0</v>
      </c>
      <c r="D133" s="579">
        <v>0</v>
      </c>
      <c r="E133" s="579">
        <v>0</v>
      </c>
      <c r="F133" s="579">
        <v>0</v>
      </c>
      <c r="G133" s="579">
        <v>0</v>
      </c>
      <c r="H133" s="579">
        <v>0</v>
      </c>
    </row>
    <row r="134" spans="1:8" s="218" customFormat="1" ht="12" customHeight="1" x14ac:dyDescent="0.2">
      <c r="A134" s="266" t="s">
        <v>508</v>
      </c>
      <c r="B134" s="487">
        <v>571144100</v>
      </c>
      <c r="C134" s="487">
        <v>571144100</v>
      </c>
      <c r="D134" s="487">
        <v>115668119.362</v>
      </c>
      <c r="E134" s="487">
        <v>20.252002841664652</v>
      </c>
      <c r="F134" s="488">
        <v>86340768.708000004</v>
      </c>
      <c r="G134" s="487">
        <v>15.117160224188609</v>
      </c>
      <c r="H134" s="428">
        <v>0</v>
      </c>
    </row>
    <row r="135" spans="1:8" s="17" customFormat="1" ht="12" customHeight="1" x14ac:dyDescent="0.2">
      <c r="A135" s="259" t="s">
        <v>509</v>
      </c>
      <c r="B135" s="486">
        <v>559298400</v>
      </c>
      <c r="C135" s="486">
        <v>559298400</v>
      </c>
      <c r="D135" s="486">
        <v>115376515.362</v>
      </c>
      <c r="E135" s="489">
        <v>20.628794103827225</v>
      </c>
      <c r="F135" s="490">
        <v>86293971.947999999</v>
      </c>
      <c r="G135" s="489">
        <v>15.42896814079926</v>
      </c>
      <c r="H135" s="428">
        <v>0</v>
      </c>
    </row>
    <row r="136" spans="1:8" s="17" customFormat="1" ht="12" customHeight="1" x14ac:dyDescent="0.2">
      <c r="A136" s="259" t="s">
        <v>510</v>
      </c>
      <c r="B136" s="486">
        <v>11845700</v>
      </c>
      <c r="C136" s="486">
        <v>11845700</v>
      </c>
      <c r="D136" s="491">
        <v>291604</v>
      </c>
      <c r="E136" s="489">
        <v>2.4616865191588513</v>
      </c>
      <c r="F136" s="490">
        <v>46796.76</v>
      </c>
      <c r="G136" s="489">
        <v>0.39505271955224258</v>
      </c>
      <c r="H136" s="428">
        <v>0</v>
      </c>
    </row>
    <row r="137" spans="1:8" s="218" customFormat="1" ht="12" customHeight="1" x14ac:dyDescent="0.2">
      <c r="A137" s="266" t="s">
        <v>511</v>
      </c>
      <c r="B137" s="492">
        <v>396382800</v>
      </c>
      <c r="C137" s="492">
        <v>394989862</v>
      </c>
      <c r="D137" s="492">
        <v>76932068.898000002</v>
      </c>
      <c r="E137" s="487">
        <v>19.476973031272383</v>
      </c>
      <c r="F137" s="493">
        <v>57529314.632000007</v>
      </c>
      <c r="G137" s="487">
        <v>14.564757267618178</v>
      </c>
      <c r="H137" s="428">
        <v>0</v>
      </c>
    </row>
    <row r="138" spans="1:8" s="17" customFormat="1" ht="12" customHeight="1" x14ac:dyDescent="0.2">
      <c r="A138" s="259" t="s">
        <v>512</v>
      </c>
      <c r="B138" s="486">
        <v>368465600</v>
      </c>
      <c r="C138" s="486">
        <v>368465600</v>
      </c>
      <c r="D138" s="486">
        <v>76917676.908000007</v>
      </c>
      <c r="E138" s="489">
        <v>20.875131059181644</v>
      </c>
      <c r="F138" s="486">
        <v>57529314.632000007</v>
      </c>
      <c r="G138" s="489">
        <v>15.613211825472989</v>
      </c>
      <c r="H138" s="428">
        <v>0</v>
      </c>
    </row>
    <row r="139" spans="1:8" s="17" customFormat="1" ht="12" customHeight="1" x14ac:dyDescent="0.2">
      <c r="A139" s="259" t="s">
        <v>513</v>
      </c>
      <c r="B139" s="486">
        <v>27917200</v>
      </c>
      <c r="C139" s="486">
        <v>26524262</v>
      </c>
      <c r="D139" s="486">
        <v>14391.99</v>
      </c>
      <c r="E139" s="489">
        <v>5.4259718894346616E-2</v>
      </c>
      <c r="F139" s="486">
        <v>0</v>
      </c>
      <c r="G139" s="489">
        <v>0</v>
      </c>
      <c r="H139" s="428">
        <v>0</v>
      </c>
    </row>
    <row r="140" spans="1:8" s="218" customFormat="1" ht="12" customHeight="1" x14ac:dyDescent="0.2">
      <c r="A140" s="266" t="s">
        <v>514</v>
      </c>
      <c r="B140" s="492">
        <v>18984800</v>
      </c>
      <c r="C140" s="492">
        <v>18984800</v>
      </c>
      <c r="D140" s="492">
        <v>1310064.1600000001</v>
      </c>
      <c r="E140" s="487">
        <v>6.9005950023176439</v>
      </c>
      <c r="F140" s="493">
        <v>1178159.1000000001</v>
      </c>
      <c r="G140" s="487">
        <v>6.2058020100290765</v>
      </c>
      <c r="H140" s="428">
        <v>0</v>
      </c>
    </row>
    <row r="141" spans="1:8" s="218" customFormat="1" ht="12" customHeight="1" x14ac:dyDescent="0.2">
      <c r="A141" s="266" t="s">
        <v>515</v>
      </c>
      <c r="B141" s="492">
        <v>1775100</v>
      </c>
      <c r="C141" s="492">
        <v>5845139</v>
      </c>
      <c r="D141" s="492">
        <v>1221878.8700000001</v>
      </c>
      <c r="E141" s="487">
        <v>20.904188420497785</v>
      </c>
      <c r="F141" s="493">
        <v>0</v>
      </c>
      <c r="G141" s="428">
        <v>0</v>
      </c>
      <c r="H141" s="428">
        <v>0</v>
      </c>
    </row>
    <row r="142" spans="1:8" s="218" customFormat="1" ht="12" customHeight="1" x14ac:dyDescent="0.2">
      <c r="A142" s="261" t="s">
        <v>516</v>
      </c>
      <c r="B142" s="492">
        <v>532524200</v>
      </c>
      <c r="C142" s="492">
        <v>602752685.86000001</v>
      </c>
      <c r="D142" s="492">
        <v>240238019.45999998</v>
      </c>
      <c r="E142" s="487">
        <v>39.856814427501284</v>
      </c>
      <c r="F142" s="494">
        <v>209687076.47</v>
      </c>
      <c r="G142" s="495">
        <v>34.788244231682036</v>
      </c>
      <c r="H142" s="428">
        <v>0</v>
      </c>
    </row>
    <row r="143" spans="1:8" s="218" customFormat="1" ht="24.95" customHeight="1" x14ac:dyDescent="0.2">
      <c r="A143" s="233" t="s">
        <v>517</v>
      </c>
      <c r="B143" s="496">
        <v>1520951400</v>
      </c>
      <c r="C143" s="496">
        <v>1593856986.8600001</v>
      </c>
      <c r="D143" s="496">
        <v>435370150.75</v>
      </c>
      <c r="E143" s="497">
        <v>27.315509129066022</v>
      </c>
      <c r="F143" s="498">
        <v>354735318.90999997</v>
      </c>
      <c r="G143" s="363">
        <v>22.256408312319863</v>
      </c>
      <c r="H143" s="499">
        <v>0</v>
      </c>
    </row>
    <row r="144" spans="1:8" s="218" customFormat="1" ht="9.75" customHeight="1" x14ac:dyDescent="0.2">
      <c r="A144" s="7"/>
      <c r="B144" s="448"/>
      <c r="C144" s="448"/>
      <c r="D144" s="448"/>
      <c r="E144" s="449"/>
      <c r="F144" s="448"/>
      <c r="G144" s="422"/>
      <c r="H144" s="450"/>
    </row>
    <row r="145" spans="1:8" s="218" customFormat="1" ht="21" customHeight="1" x14ac:dyDescent="0.2">
      <c r="A145" s="914" t="s">
        <v>344</v>
      </c>
      <c r="B145" s="914"/>
      <c r="C145" s="914"/>
      <c r="D145" s="914"/>
      <c r="E145" s="914"/>
      <c r="F145" s="875"/>
      <c r="G145" s="246"/>
      <c r="H145" s="246"/>
    </row>
    <row r="146" spans="1:8" s="218" customFormat="1" ht="12.75" customHeight="1" x14ac:dyDescent="0.2">
      <c r="A146" s="915"/>
      <c r="B146" s="915"/>
      <c r="C146" s="915"/>
      <c r="D146" s="915"/>
      <c r="E146" s="915"/>
      <c r="F146" s="876"/>
      <c r="G146" s="873" t="s">
        <v>209</v>
      </c>
      <c r="H146" s="942"/>
    </row>
    <row r="147" spans="1:8" s="218" customFormat="1" ht="10.5" x14ac:dyDescent="0.2">
      <c r="A147" s="916"/>
      <c r="B147" s="916"/>
      <c r="C147" s="916"/>
      <c r="D147" s="916"/>
      <c r="E147" s="916"/>
      <c r="F147" s="877"/>
      <c r="G147" s="247"/>
      <c r="H147" s="247"/>
    </row>
    <row r="148" spans="1:8" s="17" customFormat="1" ht="12" customHeight="1" x14ac:dyDescent="0.2">
      <c r="A148" s="878" t="s">
        <v>518</v>
      </c>
      <c r="B148" s="878"/>
      <c r="C148" s="878"/>
      <c r="D148" s="878"/>
      <c r="E148" s="248"/>
      <c r="F148" s="239"/>
      <c r="G148" s="718">
        <v>-77602243.634499997</v>
      </c>
      <c r="H148" s="837"/>
    </row>
    <row r="149" spans="1:8" s="17" customFormat="1" ht="12" customHeight="1" x14ac:dyDescent="0.2">
      <c r="A149" s="878" t="s">
        <v>519</v>
      </c>
      <c r="B149" s="878"/>
      <c r="C149" s="878"/>
      <c r="D149" s="878"/>
      <c r="E149" s="7"/>
      <c r="F149" s="240"/>
      <c r="G149" s="720">
        <v>0</v>
      </c>
      <c r="H149" s="838"/>
    </row>
    <row r="150" spans="1:8" s="17" customFormat="1" ht="12" customHeight="1" x14ac:dyDescent="0.2">
      <c r="A150" s="878" t="s">
        <v>520</v>
      </c>
      <c r="B150" s="878"/>
      <c r="C150" s="878"/>
      <c r="D150" s="878"/>
      <c r="E150" s="7"/>
      <c r="F150" s="240"/>
      <c r="G150" s="720">
        <v>684335.63</v>
      </c>
      <c r="H150" s="838"/>
    </row>
    <row r="151" spans="1:8" s="17" customFormat="1" ht="12" customHeight="1" x14ac:dyDescent="0.2">
      <c r="A151" s="878" t="s">
        <v>521</v>
      </c>
      <c r="B151" s="878"/>
      <c r="C151" s="878"/>
      <c r="D151" s="878"/>
      <c r="E151" s="7"/>
      <c r="F151" s="240"/>
      <c r="G151" s="720">
        <v>0</v>
      </c>
      <c r="H151" s="838"/>
    </row>
    <row r="152" spans="1:8" s="17" customFormat="1" ht="12" customHeight="1" x14ac:dyDescent="0.2">
      <c r="A152" s="878" t="s">
        <v>522</v>
      </c>
      <c r="B152" s="878"/>
      <c r="C152" s="878"/>
      <c r="D152" s="878"/>
      <c r="E152" s="7"/>
      <c r="F152" s="240"/>
      <c r="G152" s="720">
        <v>0</v>
      </c>
      <c r="H152" s="838"/>
    </row>
    <row r="153" spans="1:8" s="17" customFormat="1" ht="12" customHeight="1" x14ac:dyDescent="0.2">
      <c r="A153" s="878" t="s">
        <v>795</v>
      </c>
      <c r="B153" s="878"/>
      <c r="C153" s="878"/>
      <c r="D153" s="878"/>
      <c r="E153" s="7"/>
      <c r="F153" s="240"/>
      <c r="G153" s="720">
        <v>0</v>
      </c>
      <c r="H153" s="838"/>
    </row>
    <row r="154" spans="1:8" s="17" customFormat="1" ht="12" customHeight="1" x14ac:dyDescent="0.2">
      <c r="A154" s="945" t="s">
        <v>539</v>
      </c>
      <c r="B154" s="945"/>
      <c r="C154" s="945"/>
      <c r="D154" s="945"/>
      <c r="E154" s="945"/>
      <c r="F154" s="946"/>
      <c r="G154" s="749">
        <v>0</v>
      </c>
      <c r="H154" s="839"/>
    </row>
    <row r="155" spans="1:8" s="17" customFormat="1" ht="12" customHeight="1" x14ac:dyDescent="0.2">
      <c r="A155" s="928" t="s">
        <v>796</v>
      </c>
      <c r="B155" s="928"/>
      <c r="C155" s="928"/>
      <c r="D155" s="928"/>
      <c r="E155" s="267"/>
      <c r="F155" s="277"/>
      <c r="G155" s="924">
        <v>-76917908.004500002</v>
      </c>
      <c r="H155" s="925"/>
    </row>
    <row r="156" spans="1:8" s="17" customFormat="1" ht="12" customHeight="1" x14ac:dyDescent="0.2">
      <c r="A156" s="928" t="s">
        <v>797</v>
      </c>
      <c r="B156" s="928"/>
      <c r="C156" s="928"/>
      <c r="D156" s="928"/>
      <c r="E156" s="267"/>
      <c r="F156" s="277"/>
      <c r="G156" s="924">
        <v>431653226.9145</v>
      </c>
      <c r="H156" s="925"/>
    </row>
    <row r="157" spans="1:8" s="17" customFormat="1" ht="5.0999999999999996" customHeight="1" x14ac:dyDescent="0.2">
      <c r="A157" s="588"/>
      <c r="B157" s="588"/>
      <c r="C157" s="588"/>
      <c r="D157" s="588"/>
      <c r="E157" s="589"/>
      <c r="F157" s="589"/>
      <c r="G157" s="587"/>
      <c r="H157" s="587"/>
    </row>
    <row r="158" spans="1:8" s="17" customFormat="1" ht="15" customHeight="1" x14ac:dyDescent="0.2">
      <c r="A158" s="232" t="s">
        <v>798</v>
      </c>
      <c r="B158" s="232"/>
      <c r="C158" s="232"/>
      <c r="D158" s="232"/>
      <c r="E158" s="267"/>
      <c r="F158" s="277"/>
      <c r="G158" s="703">
        <v>34.76313929169936</v>
      </c>
      <c r="H158" s="816"/>
    </row>
    <row r="159" spans="1:8" s="17" customFormat="1" ht="5.0999999999999996" customHeight="1" x14ac:dyDescent="0.2">
      <c r="A159" s="108"/>
      <c r="B159" s="108"/>
      <c r="C159" s="108"/>
      <c r="D159" s="108"/>
      <c r="E159" s="40"/>
      <c r="F159" s="40"/>
      <c r="G159" s="85"/>
      <c r="H159" s="90"/>
    </row>
    <row r="160" spans="1:8" s="17" customFormat="1" ht="15" customHeight="1" x14ac:dyDescent="0.2">
      <c r="A160" s="940" t="s">
        <v>346</v>
      </c>
      <c r="B160" s="940"/>
      <c r="C160" s="940"/>
      <c r="D160" s="940"/>
      <c r="E160" s="940"/>
      <c r="F160" s="940"/>
      <c r="G160" s="940"/>
      <c r="H160" s="940"/>
    </row>
    <row r="161" spans="1:8" s="218" customFormat="1" ht="45.75" customHeight="1" x14ac:dyDescent="0.15">
      <c r="A161" s="875" t="s">
        <v>345</v>
      </c>
      <c r="B161" s="678" t="s">
        <v>157</v>
      </c>
      <c r="C161" s="678" t="s">
        <v>157</v>
      </c>
      <c r="D161" s="879" t="s">
        <v>158</v>
      </c>
      <c r="E161" s="880"/>
      <c r="F161" s="879" t="s">
        <v>159</v>
      </c>
      <c r="G161" s="880"/>
      <c r="H161" s="400" t="s">
        <v>793</v>
      </c>
    </row>
    <row r="162" spans="1:8" s="218" customFormat="1" ht="21" customHeight="1" x14ac:dyDescent="0.15">
      <c r="A162" s="876"/>
      <c r="B162" s="78" t="s">
        <v>111</v>
      </c>
      <c r="C162" s="78" t="s">
        <v>112</v>
      </c>
      <c r="D162" s="678" t="s">
        <v>115</v>
      </c>
      <c r="E162" s="677" t="s">
        <v>114</v>
      </c>
      <c r="F162" s="678" t="s">
        <v>115</v>
      </c>
      <c r="G162" s="677" t="s">
        <v>114</v>
      </c>
      <c r="H162" s="926" t="s">
        <v>352</v>
      </c>
    </row>
    <row r="163" spans="1:8" s="218" customFormat="1" ht="16.5" customHeight="1" x14ac:dyDescent="0.2">
      <c r="A163" s="877"/>
      <c r="B163" s="214"/>
      <c r="C163" s="213" t="s">
        <v>162</v>
      </c>
      <c r="D163" s="213" t="s">
        <v>163</v>
      </c>
      <c r="E163" s="216" t="s">
        <v>198</v>
      </c>
      <c r="F163" s="213" t="s">
        <v>164</v>
      </c>
      <c r="G163" s="216" t="s">
        <v>454</v>
      </c>
      <c r="H163" s="927"/>
    </row>
    <row r="164" spans="1:8" s="218" customFormat="1" ht="21" x14ac:dyDescent="0.2">
      <c r="A164" s="266" t="s">
        <v>799</v>
      </c>
      <c r="B164" s="339">
        <v>0</v>
      </c>
      <c r="C164" s="339">
        <v>0</v>
      </c>
      <c r="D164" s="339">
        <v>0</v>
      </c>
      <c r="E164" s="339">
        <v>0</v>
      </c>
      <c r="F164" s="500">
        <v>0</v>
      </c>
      <c r="G164" s="501">
        <v>0</v>
      </c>
      <c r="H164" s="427">
        <v>0</v>
      </c>
    </row>
    <row r="165" spans="1:8" s="218" customFormat="1" ht="12.75" customHeight="1" x14ac:dyDescent="0.2">
      <c r="A165" s="657" t="s">
        <v>876</v>
      </c>
      <c r="B165" s="339">
        <v>47811000</v>
      </c>
      <c r="C165" s="339">
        <v>47811000</v>
      </c>
      <c r="D165" s="339">
        <v>2526451.09</v>
      </c>
      <c r="E165" s="339">
        <v>5.2842464913931932</v>
      </c>
      <c r="F165" s="339">
        <v>1639152.08</v>
      </c>
      <c r="G165" s="473">
        <v>3.4283994896571919</v>
      </c>
      <c r="H165" s="428">
        <v>0</v>
      </c>
    </row>
    <row r="166" spans="1:8" s="218" customFormat="1" ht="12.75" customHeight="1" x14ac:dyDescent="0.2">
      <c r="A166" s="266" t="s">
        <v>800</v>
      </c>
      <c r="B166" s="339">
        <v>200000</v>
      </c>
      <c r="C166" s="339">
        <v>15671000</v>
      </c>
      <c r="D166" s="339">
        <v>15470351.359999999</v>
      </c>
      <c r="E166" s="339">
        <v>0</v>
      </c>
      <c r="F166" s="339">
        <v>0</v>
      </c>
      <c r="G166" s="473">
        <v>0</v>
      </c>
      <c r="H166" s="428">
        <v>0</v>
      </c>
    </row>
    <row r="167" spans="1:8" s="218" customFormat="1" ht="23.25" customHeight="1" x14ac:dyDescent="0.2">
      <c r="A167" s="261" t="s">
        <v>801</v>
      </c>
      <c r="B167" s="502">
        <v>161952800</v>
      </c>
      <c r="C167" s="502">
        <v>161952800</v>
      </c>
      <c r="D167" s="502">
        <v>12522441.48</v>
      </c>
      <c r="E167" s="502">
        <v>7.732154973547849</v>
      </c>
      <c r="F167" s="502">
        <v>815897.72000000009</v>
      </c>
      <c r="G167" s="503">
        <v>0.5037873503885083</v>
      </c>
      <c r="H167" s="429">
        <v>0</v>
      </c>
    </row>
    <row r="168" spans="1:8" s="218" customFormat="1" ht="26.25" customHeight="1" x14ac:dyDescent="0.2">
      <c r="A168" s="233" t="s">
        <v>802</v>
      </c>
      <c r="B168" s="504">
        <v>209963800</v>
      </c>
      <c r="C168" s="505">
        <v>225434800</v>
      </c>
      <c r="D168" s="505">
        <v>30519243.93</v>
      </c>
      <c r="E168" s="505">
        <v>13.53794708270418</v>
      </c>
      <c r="F168" s="505">
        <v>2455049.8000000003</v>
      </c>
      <c r="G168" s="504">
        <v>1.0890287568733843</v>
      </c>
      <c r="H168" s="482">
        <v>0</v>
      </c>
    </row>
    <row r="169" spans="1:8" s="218" customFormat="1" ht="15.75" customHeight="1" x14ac:dyDescent="0.2">
      <c r="A169" s="233" t="s">
        <v>620</v>
      </c>
      <c r="B169" s="506">
        <v>1730915200</v>
      </c>
      <c r="C169" s="506">
        <v>1819291786.8600001</v>
      </c>
      <c r="D169" s="506">
        <v>465889394.68000001</v>
      </c>
      <c r="E169" s="505">
        <v>25.608283291604373</v>
      </c>
      <c r="F169" s="363">
        <v>357190368.70999998</v>
      </c>
      <c r="G169" s="504">
        <v>19.633484375065056</v>
      </c>
      <c r="H169" s="482">
        <v>0</v>
      </c>
    </row>
    <row r="170" spans="1:8" s="218" customFormat="1" ht="12.75" customHeight="1" x14ac:dyDescent="0.2">
      <c r="A170" s="443"/>
      <c r="B170" s="522"/>
      <c r="C170" s="522"/>
      <c r="D170" s="522"/>
      <c r="E170" s="522"/>
      <c r="F170" s="522"/>
      <c r="G170" s="522"/>
      <c r="H170" s="522"/>
    </row>
    <row r="171" spans="1:8" s="218" customFormat="1" ht="12.75" customHeight="1" x14ac:dyDescent="0.2">
      <c r="A171" s="914" t="s">
        <v>199</v>
      </c>
      <c r="B171" s="914"/>
      <c r="C171" s="872" t="s">
        <v>200</v>
      </c>
      <c r="D171" s="941"/>
      <c r="E171" s="941"/>
      <c r="F171" s="908" t="s">
        <v>874</v>
      </c>
      <c r="G171" s="909"/>
      <c r="H171" s="909"/>
    </row>
    <row r="172" spans="1:8" s="218" customFormat="1" ht="10.5" x14ac:dyDescent="0.2">
      <c r="A172" s="915"/>
      <c r="B172" s="915"/>
      <c r="C172" s="873"/>
      <c r="D172" s="942"/>
      <c r="E172" s="942"/>
      <c r="F172" s="910"/>
      <c r="G172" s="911"/>
      <c r="H172" s="911"/>
    </row>
    <row r="173" spans="1:8" s="218" customFormat="1" ht="12.75" customHeight="1" x14ac:dyDescent="0.2">
      <c r="A173" s="916"/>
      <c r="B173" s="916"/>
      <c r="C173" s="874"/>
      <c r="D173" s="940"/>
      <c r="E173" s="940"/>
      <c r="F173" s="969" t="s">
        <v>875</v>
      </c>
      <c r="G173" s="980"/>
      <c r="H173" s="980"/>
    </row>
    <row r="174" spans="1:8" s="218" customFormat="1" ht="15.75" customHeight="1" x14ac:dyDescent="0.2">
      <c r="A174" s="955" t="s">
        <v>523</v>
      </c>
      <c r="B174" s="955"/>
      <c r="C174" s="929">
        <v>27201545.25</v>
      </c>
      <c r="D174" s="930"/>
      <c r="E174" s="931"/>
      <c r="F174" s="929">
        <v>0</v>
      </c>
      <c r="G174" s="930"/>
      <c r="H174" s="930"/>
    </row>
    <row r="175" spans="1:8" s="17" customFormat="1" ht="12" customHeight="1" x14ac:dyDescent="0.2">
      <c r="A175" s="954" t="s">
        <v>524</v>
      </c>
      <c r="B175" s="954"/>
      <c r="C175" s="722">
        <v>27201545.25</v>
      </c>
      <c r="D175" s="815"/>
      <c r="E175" s="723"/>
      <c r="F175" s="722">
        <v>0</v>
      </c>
      <c r="G175" s="815"/>
      <c r="H175" s="815"/>
    </row>
    <row r="176" spans="1:8" s="17" customFormat="1" ht="12" customHeight="1" x14ac:dyDescent="0.2">
      <c r="A176" s="923" t="s">
        <v>525</v>
      </c>
      <c r="B176" s="923"/>
      <c r="C176" s="764">
        <v>0</v>
      </c>
      <c r="D176" s="817"/>
      <c r="E176" s="765"/>
      <c r="F176" s="764">
        <v>0</v>
      </c>
      <c r="G176" s="817"/>
      <c r="H176" s="817"/>
    </row>
    <row r="177" spans="1:8" s="17" customFormat="1" ht="5.0999999999999996" customHeight="1" x14ac:dyDescent="0.2">
      <c r="A177" s="278"/>
      <c r="B177" s="80"/>
      <c r="C177" s="80"/>
      <c r="D177" s="89"/>
      <c r="E177" s="89"/>
      <c r="F177" s="89"/>
      <c r="G177" s="89"/>
      <c r="H177" s="89"/>
    </row>
    <row r="178" spans="1:8" s="218" customFormat="1" ht="10.5" x14ac:dyDescent="0.2">
      <c r="A178" s="952" t="s">
        <v>438</v>
      </c>
      <c r="B178" s="952"/>
      <c r="C178" s="952"/>
      <c r="D178" s="952"/>
      <c r="E178" s="952"/>
      <c r="F178" s="952"/>
      <c r="G178" s="872" t="s">
        <v>209</v>
      </c>
      <c r="H178" s="941"/>
    </row>
    <row r="179" spans="1:8" s="218" customFormat="1" ht="25.5" customHeight="1" x14ac:dyDescent="0.2">
      <c r="A179" s="953"/>
      <c r="B179" s="953"/>
      <c r="C179" s="953"/>
      <c r="D179" s="953"/>
      <c r="E179" s="953"/>
      <c r="F179" s="953"/>
      <c r="G179" s="874"/>
      <c r="H179" s="940"/>
    </row>
    <row r="180" spans="1:8" s="218" customFormat="1" ht="10.5" x14ac:dyDescent="0.2">
      <c r="A180" s="951" t="s">
        <v>817</v>
      </c>
      <c r="B180" s="951"/>
      <c r="C180" s="951"/>
      <c r="D180" s="951"/>
      <c r="E180" s="951"/>
      <c r="F180" s="951"/>
      <c r="G180" s="718">
        <v>26579660.64000003</v>
      </c>
      <c r="H180" s="837"/>
    </row>
    <row r="181" spans="1:8" s="218" customFormat="1" ht="10.5" x14ac:dyDescent="0.2">
      <c r="A181" s="265" t="s">
        <v>526</v>
      </c>
      <c r="B181" s="7"/>
      <c r="C181" s="7"/>
      <c r="D181" s="7"/>
      <c r="E181" s="86"/>
      <c r="F181" s="230"/>
      <c r="G181" s="720">
        <v>156843608.84</v>
      </c>
      <c r="H181" s="838"/>
    </row>
    <row r="182" spans="1:8" s="218" customFormat="1" ht="10.5" x14ac:dyDescent="0.2">
      <c r="A182" s="265" t="s">
        <v>527</v>
      </c>
      <c r="B182" s="7"/>
      <c r="C182" s="7"/>
      <c r="D182" s="7"/>
      <c r="E182" s="86"/>
      <c r="F182" s="230"/>
      <c r="G182" s="720">
        <v>97712929.209999993</v>
      </c>
      <c r="H182" s="838"/>
    </row>
    <row r="183" spans="1:8" s="17" customFormat="1" ht="10.5" x14ac:dyDescent="0.2">
      <c r="A183" s="13" t="s">
        <v>528</v>
      </c>
      <c r="B183" s="13"/>
      <c r="C183" s="13"/>
      <c r="D183" s="13"/>
      <c r="E183" s="83"/>
      <c r="F183" s="82"/>
      <c r="G183" s="722">
        <v>97653696.25</v>
      </c>
      <c r="H183" s="815"/>
    </row>
    <row r="184" spans="1:8" s="17" customFormat="1" ht="10.5" x14ac:dyDescent="0.2">
      <c r="A184" s="258" t="s">
        <v>529</v>
      </c>
      <c r="B184" s="13"/>
      <c r="C184" s="13"/>
      <c r="D184" s="13"/>
      <c r="E184" s="83"/>
      <c r="F184" s="82"/>
      <c r="G184" s="722">
        <v>59232.959999999999</v>
      </c>
      <c r="H184" s="815"/>
    </row>
    <row r="185" spans="1:8" s="218" customFormat="1" ht="12" customHeight="1" x14ac:dyDescent="0.2">
      <c r="A185" s="265" t="s">
        <v>530</v>
      </c>
      <c r="B185" s="7"/>
      <c r="C185" s="7"/>
      <c r="D185" s="7"/>
      <c r="E185" s="86"/>
      <c r="F185" s="230"/>
      <c r="G185" s="720">
        <v>684335.63</v>
      </c>
      <c r="H185" s="838"/>
    </row>
    <row r="186" spans="1:8" s="218" customFormat="1" ht="10.5" x14ac:dyDescent="0.2">
      <c r="A186" s="260" t="s">
        <v>531</v>
      </c>
      <c r="B186" s="243"/>
      <c r="C186" s="243"/>
      <c r="D186" s="243"/>
      <c r="E186" s="242"/>
      <c r="F186" s="250"/>
      <c r="G186" s="749">
        <v>86394675.900000021</v>
      </c>
      <c r="H186" s="839"/>
    </row>
    <row r="187" spans="1:8" s="17" customFormat="1" ht="10.5" x14ac:dyDescent="0.2">
      <c r="A187" s="64" t="s">
        <v>878</v>
      </c>
      <c r="H187" s="297"/>
    </row>
    <row r="188" spans="1:8" s="17" customFormat="1" ht="15.75" customHeight="1" x14ac:dyDescent="0.2">
      <c r="A188" s="948" t="s">
        <v>632</v>
      </c>
      <c r="B188" s="949"/>
      <c r="C188" s="949"/>
      <c r="D188" s="949"/>
      <c r="E188" s="949"/>
      <c r="F188" s="949"/>
    </row>
    <row r="189" spans="1:8" s="17" customFormat="1" ht="26.25" customHeight="1" x14ac:dyDescent="0.2">
      <c r="A189" s="947" t="s">
        <v>633</v>
      </c>
      <c r="B189" s="950"/>
      <c r="C189" s="950"/>
      <c r="D189" s="950"/>
      <c r="E189" s="950"/>
      <c r="F189" s="950"/>
    </row>
    <row r="190" spans="1:8" s="17" customFormat="1" x14ac:dyDescent="0.2">
      <c r="A190" s="947" t="s">
        <v>634</v>
      </c>
      <c r="B190" s="947"/>
      <c r="C190" s="947"/>
      <c r="D190" s="947"/>
      <c r="E190" s="947"/>
      <c r="F190" s="947"/>
    </row>
    <row r="191" spans="1:8" ht="15" customHeight="1" x14ac:dyDescent="0.2">
      <c r="A191" s="947" t="s">
        <v>635</v>
      </c>
      <c r="B191" s="947"/>
      <c r="C191" s="947"/>
      <c r="D191" s="947"/>
      <c r="E191" s="947"/>
      <c r="F191" s="947"/>
    </row>
    <row r="192" spans="1:8" x14ac:dyDescent="0.2">
      <c r="A192" s="947" t="s">
        <v>636</v>
      </c>
      <c r="B192" s="947"/>
      <c r="C192" s="947"/>
      <c r="D192" s="947"/>
      <c r="E192" s="947"/>
      <c r="F192" s="947"/>
    </row>
    <row r="193" spans="1:8" ht="21" customHeight="1" x14ac:dyDescent="0.2">
      <c r="A193" s="939" t="s">
        <v>637</v>
      </c>
      <c r="B193" s="939"/>
      <c r="C193" s="939"/>
      <c r="D193" s="939"/>
      <c r="E193" s="939"/>
      <c r="F193" s="939"/>
      <c r="G193" s="939"/>
      <c r="H193" s="939"/>
    </row>
    <row r="194" spans="1:8" ht="14.45" customHeight="1" x14ac:dyDescent="0.2">
      <c r="A194" s="939" t="s">
        <v>631</v>
      </c>
      <c r="B194" s="939"/>
      <c r="C194" s="939"/>
    </row>
  </sheetData>
  <customSheetViews>
    <customSheetView guid="{8C4C4E05-26A9-48D7-9CF5-CBEE6AE5F4C6}" scale="93" showPageBreaks="1" showGridLines="0" fitToPage="1" printArea="1">
      <selection sqref="A1:H203"/>
      <pageMargins left="0.39370078740157483" right="0.39370078740157483" top="0.39370078740157483" bottom="0.98425196850393704" header="0" footer="0"/>
      <printOptions horizontalCentered="1"/>
      <pageSetup paperSize="9" scale="49" fitToHeight="2" orientation="portrait" r:id="rId1"/>
      <headerFooter alignWithMargins="0"/>
    </customSheetView>
    <customSheetView guid="{6F6CE139-4C01-4DC6-BA1C-5DC7C1E4A87D}" scale="93" showPageBreaks="1" showGridLines="0" fitToPage="1" printArea="1" topLeftCell="A55">
      <selection activeCell="D61" sqref="D61:E61"/>
      <pageMargins left="0.19685039370078741" right="0.19685039370078741" top="0.39370078740157483" bottom="0.59055118110236227" header="0" footer="0"/>
      <printOptions horizontalCentered="1"/>
      <pageSetup paperSize="9" scale="51" fitToHeight="2" orientation="portrait" r:id="rId2"/>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3"/>
      <headerFooter alignWithMargins="0"/>
    </customSheetView>
    <customSheetView guid="{82EDB5A4-4824-4632-A540-7A52C92F04C7}" showGridLines="0" topLeftCell="A10">
      <selection activeCell="B15" sqref="B15:C15"/>
      <pageMargins left="0.78740157480314965" right="0.59055118110236227" top="0.98425196850393704" bottom="0.47244094488188981" header="0.51181102362204722" footer="0.51181102362204722"/>
      <printOptions horizontalCentered="1"/>
      <pageSetup scale="65" orientation="landscape" r:id="rId4"/>
      <headerFooter alignWithMargins="0"/>
    </customSheetView>
    <customSheetView guid="{6DBFA32C-4AA4-4E1D-9A48-697377C64CC3}" showGridLines="0" fitToPage="1">
      <pageMargins left="0.19685039370078741" right="0.19685039370078741" top="0.39370078740157483" bottom="0.59055118110236227" header="0" footer="0"/>
      <printOptions horizontalCentered="1"/>
      <pageSetup paperSize="9" scale="51" fitToHeight="2" orientation="portrait" r:id="rId5"/>
      <headerFooter alignWithMargins="0"/>
    </customSheetView>
    <customSheetView guid="{3AAF6A5F-F9AA-430B-9AD9-1261ECDF41B5}" scale="93" showPageBreaks="1" showGridLines="0" fitToPage="1" printArea="1" topLeftCell="A175">
      <selection activeCell="G181" sqref="G181:H181"/>
      <pageMargins left="0.39370078740157483" right="0.39370078740157483" top="0.39370078740157483" bottom="0.98425196850393704" header="0" footer="0"/>
      <printOptions horizontalCentered="1"/>
      <pageSetup paperSize="9" scale="49" fitToHeight="2" orientation="portrait" r:id="rId6"/>
      <headerFooter alignWithMargins="0"/>
    </customSheetView>
    <customSheetView guid="{25EF1E0D-169B-4051-B414-7E1196FC05E4}" showPageBreaks="1" showGridLines="0" fitToPage="1" printArea="1" topLeftCell="B124">
      <selection sqref="A1:H203"/>
      <pageMargins left="0.19685039370078741" right="0.19685039370078741" top="0.19685039370078741" bottom="0.19685039370078741" header="0.51181102362204722" footer="0"/>
      <printOptions horizontalCentered="1"/>
      <pageSetup scale="52" fitToHeight="2" orientation="portrait" r:id="rId7"/>
      <headerFooter alignWithMargins="0"/>
    </customSheetView>
  </customSheetViews>
  <mergeCells count="344">
    <mergeCell ref="F173:H173"/>
    <mergeCell ref="F16:G16"/>
    <mergeCell ref="B17:C17"/>
    <mergeCell ref="F17:G17"/>
    <mergeCell ref="B18:C18"/>
    <mergeCell ref="F18:G18"/>
    <mergeCell ref="B19:C19"/>
    <mergeCell ref="F19:G19"/>
    <mergeCell ref="F48:G48"/>
    <mergeCell ref="F37:G37"/>
    <mergeCell ref="F70:G70"/>
    <mergeCell ref="F71:G71"/>
    <mergeCell ref="G105:H105"/>
    <mergeCell ref="F78:G78"/>
    <mergeCell ref="F79:G79"/>
    <mergeCell ref="D81:E81"/>
    <mergeCell ref="D83:E83"/>
    <mergeCell ref="D84:E84"/>
    <mergeCell ref="B85:C85"/>
    <mergeCell ref="B86:C86"/>
    <mergeCell ref="B87:C87"/>
    <mergeCell ref="B88:C88"/>
    <mergeCell ref="B89:C89"/>
    <mergeCell ref="F35:G35"/>
    <mergeCell ref="B36:C36"/>
    <mergeCell ref="D36:E36"/>
    <mergeCell ref="F36:G36"/>
    <mergeCell ref="B37:C37"/>
    <mergeCell ref="D37:E37"/>
    <mergeCell ref="D76:E76"/>
    <mergeCell ref="F76:G76"/>
    <mergeCell ref="F69:G69"/>
    <mergeCell ref="F65:G65"/>
    <mergeCell ref="F66:G66"/>
    <mergeCell ref="F67:G67"/>
    <mergeCell ref="F68:G68"/>
    <mergeCell ref="D57:E57"/>
    <mergeCell ref="F57:G57"/>
    <mergeCell ref="F64:G64"/>
    <mergeCell ref="D63:E63"/>
    <mergeCell ref="D64:E64"/>
    <mergeCell ref="F58:G58"/>
    <mergeCell ref="A3:H3"/>
    <mergeCell ref="A4:H4"/>
    <mergeCell ref="A5:H5"/>
    <mergeCell ref="A6:H6"/>
    <mergeCell ref="A7:H7"/>
    <mergeCell ref="A9:H9"/>
    <mergeCell ref="F12:G12"/>
    <mergeCell ref="B12:C12"/>
    <mergeCell ref="F10:H10"/>
    <mergeCell ref="D10:E10"/>
    <mergeCell ref="D11:E11"/>
    <mergeCell ref="D12:E12"/>
    <mergeCell ref="F11:G11"/>
    <mergeCell ref="A10:A11"/>
    <mergeCell ref="B10:C11"/>
    <mergeCell ref="D13:E13"/>
    <mergeCell ref="F13:G13"/>
    <mergeCell ref="B14:C14"/>
    <mergeCell ref="B75:C76"/>
    <mergeCell ref="B84:C84"/>
    <mergeCell ref="D82:E82"/>
    <mergeCell ref="B72:C72"/>
    <mergeCell ref="D72:E72"/>
    <mergeCell ref="F72:G72"/>
    <mergeCell ref="B13:C13"/>
    <mergeCell ref="D49:E49"/>
    <mergeCell ref="F49:G49"/>
    <mergeCell ref="B47:C48"/>
    <mergeCell ref="D16:E16"/>
    <mergeCell ref="D17:E17"/>
    <mergeCell ref="D18:E18"/>
    <mergeCell ref="D19:E19"/>
    <mergeCell ref="D20:E20"/>
    <mergeCell ref="B49:C49"/>
    <mergeCell ref="B16:C16"/>
    <mergeCell ref="B30:C30"/>
    <mergeCell ref="D30:E30"/>
    <mergeCell ref="F30:G30"/>
    <mergeCell ref="D34:E34"/>
    <mergeCell ref="D75:E75"/>
    <mergeCell ref="F75:H75"/>
    <mergeCell ref="A74:H74"/>
    <mergeCell ref="B59:C59"/>
    <mergeCell ref="D59:E59"/>
    <mergeCell ref="F59:G59"/>
    <mergeCell ref="B60:C60"/>
    <mergeCell ref="D60:E60"/>
    <mergeCell ref="F60:G60"/>
    <mergeCell ref="B70:C70"/>
    <mergeCell ref="B71:C71"/>
    <mergeCell ref="D61:E61"/>
    <mergeCell ref="D69:E69"/>
    <mergeCell ref="D70:E70"/>
    <mergeCell ref="D71:E71"/>
    <mergeCell ref="F61:G61"/>
    <mergeCell ref="F63:G63"/>
    <mergeCell ref="B61:C61"/>
    <mergeCell ref="D65:E65"/>
    <mergeCell ref="D66:E66"/>
    <mergeCell ref="D67:E67"/>
    <mergeCell ref="D68:E68"/>
    <mergeCell ref="B62:C62"/>
    <mergeCell ref="B63:C63"/>
    <mergeCell ref="D56:E56"/>
    <mergeCell ref="F56:H56"/>
    <mergeCell ref="D48:E48"/>
    <mergeCell ref="F47:H47"/>
    <mergeCell ref="B56:C57"/>
    <mergeCell ref="F53:G53"/>
    <mergeCell ref="F52:G52"/>
    <mergeCell ref="F50:G50"/>
    <mergeCell ref="F54:G54"/>
    <mergeCell ref="B50:C50"/>
    <mergeCell ref="B52:C52"/>
    <mergeCell ref="F51:G51"/>
    <mergeCell ref="B64:C64"/>
    <mergeCell ref="B65:C65"/>
    <mergeCell ref="B66:C66"/>
    <mergeCell ref="B67:C67"/>
    <mergeCell ref="B68:C68"/>
    <mergeCell ref="B58:C58"/>
    <mergeCell ref="D58:E58"/>
    <mergeCell ref="B20:C20"/>
    <mergeCell ref="F20:G20"/>
    <mergeCell ref="B21:C21"/>
    <mergeCell ref="D27:E27"/>
    <mergeCell ref="F27:G27"/>
    <mergeCell ref="B28:C28"/>
    <mergeCell ref="D28:E28"/>
    <mergeCell ref="F28:G28"/>
    <mergeCell ref="B29:C29"/>
    <mergeCell ref="D29:E29"/>
    <mergeCell ref="F29:G29"/>
    <mergeCell ref="D22:E22"/>
    <mergeCell ref="F22:G22"/>
    <mergeCell ref="B23:C23"/>
    <mergeCell ref="D23:E23"/>
    <mergeCell ref="F23:G23"/>
    <mergeCell ref="B51:C51"/>
    <mergeCell ref="D14:E14"/>
    <mergeCell ref="F14:G14"/>
    <mergeCell ref="B15:C15"/>
    <mergeCell ref="D15:E15"/>
    <mergeCell ref="F15:G15"/>
    <mergeCell ref="B38:C38"/>
    <mergeCell ref="D38:E38"/>
    <mergeCell ref="F38:G38"/>
    <mergeCell ref="B39:C39"/>
    <mergeCell ref="D39:E39"/>
    <mergeCell ref="F39:G39"/>
    <mergeCell ref="D43:E43"/>
    <mergeCell ref="F43:G43"/>
    <mergeCell ref="D44:E44"/>
    <mergeCell ref="F44:G44"/>
    <mergeCell ref="F45:G45"/>
    <mergeCell ref="D45:E45"/>
    <mergeCell ref="B40:C40"/>
    <mergeCell ref="D40:E40"/>
    <mergeCell ref="F40:G40"/>
    <mergeCell ref="D21:E21"/>
    <mergeCell ref="F21:G21"/>
    <mergeCell ref="B22:C22"/>
    <mergeCell ref="D93:E93"/>
    <mergeCell ref="F93:G93"/>
    <mergeCell ref="A110:F110"/>
    <mergeCell ref="A93:A95"/>
    <mergeCell ref="G104:H104"/>
    <mergeCell ref="A104:F104"/>
    <mergeCell ref="H93:H94"/>
    <mergeCell ref="G110:H110"/>
    <mergeCell ref="G106:H106"/>
    <mergeCell ref="G107:H107"/>
    <mergeCell ref="G108:H108"/>
    <mergeCell ref="G109:H109"/>
    <mergeCell ref="A107:F107"/>
    <mergeCell ref="A108:F108"/>
    <mergeCell ref="A105:F105"/>
    <mergeCell ref="A106:F106"/>
    <mergeCell ref="A194:C194"/>
    <mergeCell ref="A193:H193"/>
    <mergeCell ref="A160:H160"/>
    <mergeCell ref="C171:E173"/>
    <mergeCell ref="A109:F109"/>
    <mergeCell ref="G146:H146"/>
    <mergeCell ref="A154:F154"/>
    <mergeCell ref="A192:F192"/>
    <mergeCell ref="A188:F188"/>
    <mergeCell ref="A189:F189"/>
    <mergeCell ref="A180:F180"/>
    <mergeCell ref="A190:F190"/>
    <mergeCell ref="G178:H179"/>
    <mergeCell ref="A178:F179"/>
    <mergeCell ref="F161:G161"/>
    <mergeCell ref="A175:B175"/>
    <mergeCell ref="A174:B174"/>
    <mergeCell ref="D161:E161"/>
    <mergeCell ref="A115:F115"/>
    <mergeCell ref="A114:F114"/>
    <mergeCell ref="A191:F191"/>
    <mergeCell ref="A151:D151"/>
    <mergeCell ref="A171:B173"/>
    <mergeCell ref="G186:H186"/>
    <mergeCell ref="B24:C24"/>
    <mergeCell ref="D24:E24"/>
    <mergeCell ref="F24:G24"/>
    <mergeCell ref="B25:C25"/>
    <mergeCell ref="D25:E25"/>
    <mergeCell ref="F25:G25"/>
    <mergeCell ref="B26:C26"/>
    <mergeCell ref="D26:E26"/>
    <mergeCell ref="F26:G26"/>
    <mergeCell ref="B31:C31"/>
    <mergeCell ref="D47:E47"/>
    <mergeCell ref="D32:E32"/>
    <mergeCell ref="F32:G32"/>
    <mergeCell ref="B33:C33"/>
    <mergeCell ref="D33:E33"/>
    <mergeCell ref="F33:G33"/>
    <mergeCell ref="B34:C34"/>
    <mergeCell ref="F34:G34"/>
    <mergeCell ref="B35:C35"/>
    <mergeCell ref="D35:E35"/>
    <mergeCell ref="C175:E175"/>
    <mergeCell ref="G181:H181"/>
    <mergeCell ref="B27:C27"/>
    <mergeCell ref="F125:G125"/>
    <mergeCell ref="D31:E31"/>
    <mergeCell ref="F31:G31"/>
    <mergeCell ref="B32:C32"/>
    <mergeCell ref="F62:G62"/>
    <mergeCell ref="B41:C41"/>
    <mergeCell ref="D41:E41"/>
    <mergeCell ref="F41:G41"/>
    <mergeCell ref="D42:E42"/>
    <mergeCell ref="F42:G42"/>
    <mergeCell ref="B42:C42"/>
    <mergeCell ref="B43:C43"/>
    <mergeCell ref="B44:C44"/>
    <mergeCell ref="B45:C45"/>
    <mergeCell ref="B53:C53"/>
    <mergeCell ref="B54:C54"/>
    <mergeCell ref="D50:E50"/>
    <mergeCell ref="D51:E51"/>
    <mergeCell ref="D52:E52"/>
    <mergeCell ref="D53:E53"/>
    <mergeCell ref="D54:E54"/>
    <mergeCell ref="B78:C78"/>
    <mergeCell ref="B79:C79"/>
    <mergeCell ref="B69:C69"/>
    <mergeCell ref="D62:E62"/>
    <mergeCell ref="G183:H183"/>
    <mergeCell ref="G184:H184"/>
    <mergeCell ref="G185:H185"/>
    <mergeCell ref="A176:B176"/>
    <mergeCell ref="G151:H151"/>
    <mergeCell ref="G154:H154"/>
    <mergeCell ref="G155:H155"/>
    <mergeCell ref="G156:H156"/>
    <mergeCell ref="G158:H158"/>
    <mergeCell ref="G152:H152"/>
    <mergeCell ref="G153:H153"/>
    <mergeCell ref="H162:H163"/>
    <mergeCell ref="A161:A163"/>
    <mergeCell ref="A155:D155"/>
    <mergeCell ref="A156:D156"/>
    <mergeCell ref="G180:H180"/>
    <mergeCell ref="C174:E174"/>
    <mergeCell ref="F174:H174"/>
    <mergeCell ref="F175:H175"/>
    <mergeCell ref="F176:H176"/>
    <mergeCell ref="B125:C125"/>
    <mergeCell ref="G113:H113"/>
    <mergeCell ref="G182:H182"/>
    <mergeCell ref="F171:H172"/>
    <mergeCell ref="A56:A58"/>
    <mergeCell ref="A47:A49"/>
    <mergeCell ref="A123:A125"/>
    <mergeCell ref="B123:C124"/>
    <mergeCell ref="B129:B130"/>
    <mergeCell ref="A145:F147"/>
    <mergeCell ref="A120:F120"/>
    <mergeCell ref="B82:C82"/>
    <mergeCell ref="B83:C83"/>
    <mergeCell ref="D87:E87"/>
    <mergeCell ref="D88:E88"/>
    <mergeCell ref="D89:E89"/>
    <mergeCell ref="F85:G85"/>
    <mergeCell ref="F86:G86"/>
    <mergeCell ref="F87:G87"/>
    <mergeCell ref="F88:G88"/>
    <mergeCell ref="F89:G89"/>
    <mergeCell ref="A119:F119"/>
    <mergeCell ref="F80:G80"/>
    <mergeCell ref="F81:G81"/>
    <mergeCell ref="G149:H149"/>
    <mergeCell ref="G150:H150"/>
    <mergeCell ref="A149:D149"/>
    <mergeCell ref="A150:D150"/>
    <mergeCell ref="C176:E176"/>
    <mergeCell ref="A152:D152"/>
    <mergeCell ref="A153:D153"/>
    <mergeCell ref="B80:C80"/>
    <mergeCell ref="B81:C81"/>
    <mergeCell ref="G115:H115"/>
    <mergeCell ref="G116:H116"/>
    <mergeCell ref="G117:H117"/>
    <mergeCell ref="G119:H119"/>
    <mergeCell ref="G120:H120"/>
    <mergeCell ref="B126:C126"/>
    <mergeCell ref="F82:G82"/>
    <mergeCell ref="F83:G83"/>
    <mergeCell ref="F84:G84"/>
    <mergeCell ref="D124:E124"/>
    <mergeCell ref="D125:E125"/>
    <mergeCell ref="A117:F117"/>
    <mergeCell ref="A116:F116"/>
    <mergeCell ref="A111:F111"/>
    <mergeCell ref="F126:G126"/>
    <mergeCell ref="A75:A77"/>
    <mergeCell ref="D78:E78"/>
    <mergeCell ref="D79:E79"/>
    <mergeCell ref="D80:E80"/>
    <mergeCell ref="A148:D148"/>
    <mergeCell ref="G148:H148"/>
    <mergeCell ref="A128:A130"/>
    <mergeCell ref="D128:E128"/>
    <mergeCell ref="F128:G128"/>
    <mergeCell ref="D126:E126"/>
    <mergeCell ref="A122:H122"/>
    <mergeCell ref="D123:E123"/>
    <mergeCell ref="G118:H118"/>
    <mergeCell ref="A118:F118"/>
    <mergeCell ref="A113:F113"/>
    <mergeCell ref="G111:H111"/>
    <mergeCell ref="G114:H114"/>
    <mergeCell ref="D85:E85"/>
    <mergeCell ref="D86:E86"/>
    <mergeCell ref="B77:C77"/>
    <mergeCell ref="D77:E77"/>
    <mergeCell ref="F77:G77"/>
    <mergeCell ref="F124:G124"/>
    <mergeCell ref="F123:H123"/>
  </mergeCells>
  <printOptions horizontalCentered="1"/>
  <pageMargins left="0.39370078740157483" right="0.39370078740157483" top="0.39370078740157483" bottom="0.98425196850393704" header="0" footer="0"/>
  <pageSetup paperSize="9" scale="48"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27"/>
  <sheetViews>
    <sheetView showGridLines="0" zoomScaleNormal="100" workbookViewId="0"/>
  </sheetViews>
  <sheetFormatPr defaultRowHeight="10.5" x14ac:dyDescent="0.2"/>
  <cols>
    <col min="1" max="1" width="65.140625" style="75" customWidth="1"/>
    <col min="2" max="2" width="19" style="75" bestFit="1" customWidth="1"/>
    <col min="3" max="3" width="19.5703125" style="75" customWidth="1"/>
    <col min="4" max="4" width="17.7109375" style="75" customWidth="1"/>
    <col min="5" max="5" width="17.28515625" style="75" customWidth="1"/>
    <col min="6" max="6" width="17" style="75" customWidth="1"/>
    <col min="7" max="7" width="17.85546875" style="75" customWidth="1"/>
    <col min="8" max="8" width="15.7109375" style="75" customWidth="1"/>
    <col min="9" max="16384" width="9.140625" style="75"/>
  </cols>
  <sheetData>
    <row r="1" spans="1:8" s="135" customFormat="1" x14ac:dyDescent="0.2">
      <c r="A1" s="133"/>
      <c r="B1" s="133"/>
      <c r="C1" s="133"/>
      <c r="D1" s="133"/>
      <c r="E1" s="133"/>
      <c r="F1" s="133"/>
      <c r="G1" s="133"/>
    </row>
    <row r="2" spans="1:8" s="135" customFormat="1" x14ac:dyDescent="0.2">
      <c r="A2" s="136"/>
      <c r="B2" s="136"/>
      <c r="C2" s="136"/>
      <c r="D2" s="136"/>
      <c r="E2" s="136"/>
    </row>
    <row r="3" spans="1:8" s="140" customFormat="1" x14ac:dyDescent="0.2">
      <c r="A3" s="987" t="s">
        <v>640</v>
      </c>
      <c r="B3" s="987"/>
      <c r="C3" s="987"/>
      <c r="D3" s="987"/>
      <c r="E3" s="987"/>
      <c r="F3" s="987"/>
      <c r="G3" s="987"/>
      <c r="H3" s="987"/>
    </row>
    <row r="4" spans="1:8" s="140" customFormat="1" x14ac:dyDescent="0.2">
      <c r="A4" s="987" t="s">
        <v>105</v>
      </c>
      <c r="B4" s="987"/>
      <c r="C4" s="987"/>
      <c r="D4" s="987"/>
      <c r="E4" s="987"/>
      <c r="F4" s="987"/>
      <c r="G4" s="987"/>
      <c r="H4" s="987"/>
    </row>
    <row r="5" spans="1:8" s="140" customFormat="1" x14ac:dyDescent="0.2">
      <c r="A5" s="976" t="s">
        <v>392</v>
      </c>
      <c r="B5" s="976"/>
      <c r="C5" s="976"/>
      <c r="D5" s="976"/>
      <c r="E5" s="976"/>
      <c r="F5" s="976"/>
      <c r="G5" s="976"/>
      <c r="H5" s="976"/>
    </row>
    <row r="6" spans="1:8" s="140" customFormat="1" x14ac:dyDescent="0.2">
      <c r="A6" s="987" t="s">
        <v>107</v>
      </c>
      <c r="B6" s="987"/>
      <c r="C6" s="987"/>
      <c r="D6" s="987"/>
      <c r="E6" s="987"/>
      <c r="F6" s="987"/>
      <c r="G6" s="987"/>
      <c r="H6" s="987"/>
    </row>
    <row r="7" spans="1:8" s="140" customFormat="1" x14ac:dyDescent="0.2">
      <c r="A7" s="987" t="s">
        <v>641</v>
      </c>
      <c r="B7" s="987"/>
      <c r="C7" s="987"/>
      <c r="D7" s="987"/>
      <c r="E7" s="987"/>
      <c r="F7" s="987"/>
      <c r="G7" s="987"/>
      <c r="H7" s="987"/>
    </row>
    <row r="8" spans="1:8" s="135" customFormat="1" x14ac:dyDescent="0.2">
      <c r="A8" s="136"/>
      <c r="B8" s="136"/>
      <c r="C8" s="136"/>
      <c r="D8" s="136"/>
      <c r="E8" s="136"/>
    </row>
    <row r="9" spans="1:8" s="135" customFormat="1" x14ac:dyDescent="0.2">
      <c r="A9" s="137" t="s">
        <v>416</v>
      </c>
      <c r="B9" s="134"/>
      <c r="C9" s="134"/>
      <c r="D9" s="134"/>
      <c r="H9" s="221">
        <v>1</v>
      </c>
    </row>
    <row r="10" spans="1:8" ht="15" customHeight="1" x14ac:dyDescent="0.2">
      <c r="A10" s="875" t="s">
        <v>393</v>
      </c>
      <c r="B10" s="990" t="s">
        <v>428</v>
      </c>
      <c r="C10" s="872" t="s">
        <v>235</v>
      </c>
      <c r="D10" s="883"/>
      <c r="E10" s="879" t="s">
        <v>109</v>
      </c>
      <c r="F10" s="880"/>
      <c r="G10" s="880"/>
      <c r="H10" s="880"/>
    </row>
    <row r="11" spans="1:8" ht="15" customHeight="1" x14ac:dyDescent="0.2">
      <c r="A11" s="876"/>
      <c r="B11" s="991"/>
      <c r="C11" s="873"/>
      <c r="D11" s="901"/>
      <c r="E11" s="872" t="s">
        <v>115</v>
      </c>
      <c r="F11" s="883"/>
      <c r="G11" s="872" t="s">
        <v>114</v>
      </c>
      <c r="H11" s="941"/>
    </row>
    <row r="12" spans="1:8" ht="15" customHeight="1" x14ac:dyDescent="0.2">
      <c r="A12" s="877"/>
      <c r="B12" s="992"/>
      <c r="C12" s="874" t="s">
        <v>116</v>
      </c>
      <c r="D12" s="892"/>
      <c r="E12" s="874" t="s">
        <v>117</v>
      </c>
      <c r="F12" s="892"/>
      <c r="G12" s="874" t="s">
        <v>224</v>
      </c>
      <c r="H12" s="940"/>
    </row>
    <row r="13" spans="1:8" s="285" customFormat="1" ht="15" customHeight="1" x14ac:dyDescent="0.2">
      <c r="A13" s="97" t="s">
        <v>404</v>
      </c>
      <c r="B13" s="591">
        <v>7821678000</v>
      </c>
      <c r="C13" s="887">
        <v>7821678000</v>
      </c>
      <c r="D13" s="993"/>
      <c r="E13" s="887">
        <v>1399204502.0599999</v>
      </c>
      <c r="F13" s="973"/>
      <c r="G13" s="887">
        <v>17.888802147825569</v>
      </c>
      <c r="H13" s="888"/>
    </row>
    <row r="14" spans="1:8" ht="12.75" x14ac:dyDescent="0.2">
      <c r="A14" s="81" t="s">
        <v>405</v>
      </c>
      <c r="B14" s="592">
        <v>105800000</v>
      </c>
      <c r="C14" s="893">
        <v>105800000</v>
      </c>
      <c r="D14" s="988"/>
      <c r="E14" s="893">
        <v>11224571.99</v>
      </c>
      <c r="F14" s="922"/>
      <c r="G14" s="893">
        <v>10.609236285444235</v>
      </c>
      <c r="H14" s="894"/>
    </row>
    <row r="15" spans="1:8" ht="21" x14ac:dyDescent="0.2">
      <c r="A15" s="81" t="s">
        <v>440</v>
      </c>
      <c r="B15" s="592">
        <v>6815191000</v>
      </c>
      <c r="C15" s="893">
        <v>6815191000</v>
      </c>
      <c r="D15" s="988"/>
      <c r="E15" s="893">
        <v>1121052980.96</v>
      </c>
      <c r="F15" s="922"/>
      <c r="G15" s="893">
        <v>16.449325939067592</v>
      </c>
      <c r="H15" s="894"/>
    </row>
    <row r="16" spans="1:8" ht="12.75" x14ac:dyDescent="0.2">
      <c r="A16" s="81" t="s">
        <v>406</v>
      </c>
      <c r="B16" s="592">
        <v>329900000</v>
      </c>
      <c r="C16" s="893">
        <v>329900000</v>
      </c>
      <c r="D16" s="988"/>
      <c r="E16" s="893">
        <v>200909017.71000001</v>
      </c>
      <c r="F16" s="922"/>
      <c r="G16" s="893">
        <v>60.899975056077608</v>
      </c>
      <c r="H16" s="894"/>
    </row>
    <row r="17" spans="1:8" ht="12.75" customHeight="1" x14ac:dyDescent="0.2">
      <c r="A17" s="81" t="s">
        <v>394</v>
      </c>
      <c r="B17" s="592">
        <v>510400000</v>
      </c>
      <c r="C17" s="893">
        <v>510400000</v>
      </c>
      <c r="D17" s="988"/>
      <c r="E17" s="893">
        <v>59309857.530000001</v>
      </c>
      <c r="F17" s="922"/>
      <c r="G17" s="893">
        <v>11.62026989224138</v>
      </c>
      <c r="H17" s="894"/>
    </row>
    <row r="18" spans="1:8" ht="10.5" customHeight="1" x14ac:dyDescent="0.2">
      <c r="A18" s="81" t="s">
        <v>407</v>
      </c>
      <c r="B18" s="341">
        <v>52910000</v>
      </c>
      <c r="C18" s="994">
        <v>52910000</v>
      </c>
      <c r="D18" s="988"/>
      <c r="E18" s="893">
        <v>5026774.34</v>
      </c>
      <c r="F18" s="922"/>
      <c r="G18" s="893">
        <v>9.5006130032130027</v>
      </c>
      <c r="H18" s="894"/>
    </row>
    <row r="19" spans="1:8" ht="12.75" customHeight="1" x14ac:dyDescent="0.2">
      <c r="A19" s="81" t="s">
        <v>408</v>
      </c>
      <c r="B19" s="592">
        <v>7477000</v>
      </c>
      <c r="C19" s="994">
        <v>7477000</v>
      </c>
      <c r="D19" s="988"/>
      <c r="E19" s="893">
        <v>1681299.53</v>
      </c>
      <c r="F19" s="922"/>
      <c r="G19" s="893">
        <v>22.486285007355892</v>
      </c>
      <c r="H19" s="894"/>
    </row>
    <row r="20" spans="1:8" ht="12.75" customHeight="1" x14ac:dyDescent="0.2">
      <c r="A20" s="81" t="s">
        <v>409</v>
      </c>
      <c r="B20" s="592">
        <v>0</v>
      </c>
      <c r="C20" s="893">
        <v>0</v>
      </c>
      <c r="D20" s="988"/>
      <c r="E20" s="893">
        <v>0</v>
      </c>
      <c r="F20" s="922"/>
      <c r="G20" s="893">
        <v>0</v>
      </c>
      <c r="H20" s="894"/>
    </row>
    <row r="21" spans="1:8" s="285" customFormat="1" ht="15" customHeight="1" x14ac:dyDescent="0.2">
      <c r="A21" s="286" t="s">
        <v>441</v>
      </c>
      <c r="B21" s="593">
        <v>1158800000</v>
      </c>
      <c r="C21" s="932">
        <v>1158800000</v>
      </c>
      <c r="D21" s="933"/>
      <c r="E21" s="932">
        <v>227126490.81999999</v>
      </c>
      <c r="F21" s="933"/>
      <c r="G21" s="932">
        <v>19.600145911287541</v>
      </c>
      <c r="H21" s="989"/>
    </row>
    <row r="22" spans="1:8" ht="12.75" x14ac:dyDescent="0.2">
      <c r="A22" s="81" t="s">
        <v>410</v>
      </c>
      <c r="B22" s="471">
        <v>1070500000</v>
      </c>
      <c r="C22" s="893">
        <v>1070500000</v>
      </c>
      <c r="D22" s="988"/>
      <c r="E22" s="893">
        <v>209161716.09</v>
      </c>
      <c r="F22" s="922"/>
      <c r="G22" s="893">
        <v>19.538693702942549</v>
      </c>
      <c r="H22" s="894"/>
    </row>
    <row r="23" spans="1:8" ht="12.75" x14ac:dyDescent="0.2">
      <c r="A23" s="81" t="s">
        <v>411</v>
      </c>
      <c r="B23" s="471">
        <v>70200000</v>
      </c>
      <c r="C23" s="893">
        <v>70200000</v>
      </c>
      <c r="D23" s="988"/>
      <c r="E23" s="893">
        <v>17964774.73</v>
      </c>
      <c r="F23" s="922"/>
      <c r="G23" s="893">
        <v>25.590847193732198</v>
      </c>
      <c r="H23" s="894"/>
    </row>
    <row r="24" spans="1:8" ht="21" x14ac:dyDescent="0.2">
      <c r="A24" s="81" t="s">
        <v>412</v>
      </c>
      <c r="B24" s="471">
        <v>18100000</v>
      </c>
      <c r="C24" s="893">
        <v>18100000</v>
      </c>
      <c r="D24" s="922"/>
      <c r="E24" s="893">
        <v>0</v>
      </c>
      <c r="F24" s="922"/>
      <c r="G24" s="893">
        <v>0</v>
      </c>
      <c r="H24" s="894"/>
    </row>
    <row r="25" spans="1:8" ht="12.75" x14ac:dyDescent="0.2">
      <c r="A25" s="81" t="s">
        <v>413</v>
      </c>
      <c r="B25" s="471">
        <v>18100000</v>
      </c>
      <c r="C25" s="893">
        <v>18100000</v>
      </c>
      <c r="D25" s="988"/>
      <c r="E25" s="893">
        <v>0</v>
      </c>
      <c r="F25" s="922"/>
      <c r="G25" s="893">
        <v>0</v>
      </c>
      <c r="H25" s="894"/>
    </row>
    <row r="26" spans="1:8" x14ac:dyDescent="0.2">
      <c r="A26" s="81" t="s">
        <v>414</v>
      </c>
      <c r="B26" s="471">
        <v>0</v>
      </c>
      <c r="C26" s="893">
        <v>0</v>
      </c>
      <c r="D26" s="922"/>
      <c r="E26" s="893">
        <v>0</v>
      </c>
      <c r="F26" s="922"/>
      <c r="G26" s="893">
        <v>0</v>
      </c>
      <c r="H26" s="894"/>
    </row>
    <row r="27" spans="1:8" s="285" customFormat="1" ht="25.5" customHeight="1" x14ac:dyDescent="0.2">
      <c r="A27" s="286" t="s">
        <v>442</v>
      </c>
      <c r="B27" s="591">
        <v>1886172750</v>
      </c>
      <c r="C27" s="932">
        <v>1886172750</v>
      </c>
      <c r="D27" s="988"/>
      <c r="E27" s="932">
        <v>384632930.76749998</v>
      </c>
      <c r="F27" s="933"/>
      <c r="G27" s="932">
        <v>20.392243009952296</v>
      </c>
      <c r="H27" s="989"/>
    </row>
    <row r="28" spans="1:8" ht="12.75" x14ac:dyDescent="0.2">
      <c r="A28" s="81" t="s">
        <v>443</v>
      </c>
      <c r="B28" s="471">
        <v>1696655250</v>
      </c>
      <c r="C28" s="893">
        <v>1696655250</v>
      </c>
      <c r="D28" s="988"/>
      <c r="E28" s="893">
        <v>279091855.815</v>
      </c>
      <c r="F28" s="922"/>
      <c r="G28" s="893">
        <v>16.449532444201616</v>
      </c>
      <c r="H28" s="894"/>
    </row>
    <row r="29" spans="1:8" ht="12.75" x14ac:dyDescent="0.2">
      <c r="A29" s="81" t="s">
        <v>444</v>
      </c>
      <c r="B29" s="471">
        <v>171967500</v>
      </c>
      <c r="C29" s="893">
        <v>171967500</v>
      </c>
      <c r="D29" s="988"/>
      <c r="E29" s="893">
        <v>101049881.27</v>
      </c>
      <c r="F29" s="922"/>
      <c r="G29" s="893">
        <v>58.761034073298731</v>
      </c>
      <c r="H29" s="894"/>
    </row>
    <row r="30" spans="1:8" ht="12.75" x14ac:dyDescent="0.2">
      <c r="A30" s="81" t="s">
        <v>445</v>
      </c>
      <c r="B30" s="471">
        <v>17550000</v>
      </c>
      <c r="C30" s="895">
        <v>17550000</v>
      </c>
      <c r="D30" s="1006"/>
      <c r="E30" s="895">
        <v>4491193.6825000001</v>
      </c>
      <c r="F30" s="934"/>
      <c r="G30" s="895">
        <v>25.590847193732198</v>
      </c>
      <c r="H30" s="896"/>
    </row>
    <row r="31" spans="1:8" ht="24.95" customHeight="1" x14ac:dyDescent="0.2">
      <c r="A31" s="283" t="s">
        <v>446</v>
      </c>
      <c r="B31" s="594">
        <v>7094305250</v>
      </c>
      <c r="C31" s="935">
        <v>7094305250</v>
      </c>
      <c r="D31" s="1007"/>
      <c r="E31" s="935">
        <v>1241698062.1125</v>
      </c>
      <c r="F31" s="936"/>
      <c r="G31" s="935">
        <v>17.502743656434856</v>
      </c>
      <c r="H31" s="982"/>
    </row>
    <row r="32" spans="1:8" ht="5.0999999999999996" customHeight="1" x14ac:dyDescent="0.2">
      <c r="A32" s="83"/>
      <c r="B32" s="86"/>
      <c r="C32" s="83"/>
      <c r="E32" s="83"/>
      <c r="F32" s="83"/>
      <c r="G32" s="83"/>
      <c r="H32" s="83"/>
    </row>
    <row r="33" spans="1:8" ht="15" customHeight="1" x14ac:dyDescent="0.2">
      <c r="A33" s="941" t="s">
        <v>395</v>
      </c>
      <c r="B33" s="990" t="s">
        <v>428</v>
      </c>
      <c r="C33" s="872" t="s">
        <v>235</v>
      </c>
      <c r="D33" s="883"/>
      <c r="E33" s="879" t="s">
        <v>109</v>
      </c>
      <c r="F33" s="880"/>
      <c r="G33" s="880"/>
      <c r="H33" s="880"/>
    </row>
    <row r="34" spans="1:8" ht="15" customHeight="1" x14ac:dyDescent="0.2">
      <c r="A34" s="942"/>
      <c r="B34" s="991"/>
      <c r="C34" s="873"/>
      <c r="D34" s="901"/>
      <c r="E34" s="872" t="s">
        <v>115</v>
      </c>
      <c r="F34" s="883"/>
      <c r="G34" s="872" t="s">
        <v>114</v>
      </c>
      <c r="H34" s="941"/>
    </row>
    <row r="35" spans="1:8" ht="15" customHeight="1" x14ac:dyDescent="0.2">
      <c r="A35" s="940"/>
      <c r="B35" s="992"/>
      <c r="C35" s="874" t="s">
        <v>152</v>
      </c>
      <c r="D35" s="892"/>
      <c r="E35" s="874" t="s">
        <v>162</v>
      </c>
      <c r="F35" s="892"/>
      <c r="G35" s="874" t="s">
        <v>225</v>
      </c>
      <c r="H35" s="940"/>
    </row>
    <row r="36" spans="1:8" s="285" customFormat="1" ht="15.75" customHeight="1" x14ac:dyDescent="0.2">
      <c r="A36" s="86" t="s">
        <v>355</v>
      </c>
      <c r="B36" s="437">
        <v>213056800</v>
      </c>
      <c r="C36" s="887">
        <v>213056800</v>
      </c>
      <c r="D36" s="973"/>
      <c r="E36" s="887">
        <v>31781237.379999999</v>
      </c>
      <c r="F36" s="973"/>
      <c r="G36" s="897">
        <v>14.916790912094802</v>
      </c>
      <c r="H36" s="1010"/>
    </row>
    <row r="37" spans="1:8" ht="12.75" x14ac:dyDescent="0.2">
      <c r="A37" s="83" t="s">
        <v>396</v>
      </c>
      <c r="B37" s="461">
        <v>167526000</v>
      </c>
      <c r="C37" s="893">
        <v>167526000</v>
      </c>
      <c r="D37" s="922"/>
      <c r="E37" s="893">
        <v>20476206.949999999</v>
      </c>
      <c r="F37" s="922"/>
      <c r="G37" s="1008">
        <v>12.222703908647016</v>
      </c>
      <c r="H37" s="1009"/>
    </row>
    <row r="38" spans="1:8" x14ac:dyDescent="0.2">
      <c r="A38" s="83" t="s">
        <v>415</v>
      </c>
      <c r="B38" s="438">
        <v>0</v>
      </c>
      <c r="C38" s="893">
        <v>0</v>
      </c>
      <c r="D38" s="922"/>
      <c r="E38" s="893">
        <v>0</v>
      </c>
      <c r="F38" s="922"/>
      <c r="G38" s="1008">
        <v>0</v>
      </c>
      <c r="H38" s="1014"/>
    </row>
    <row r="39" spans="1:8" ht="12.75" x14ac:dyDescent="0.2">
      <c r="A39" s="83" t="s">
        <v>397</v>
      </c>
      <c r="B39" s="438">
        <v>0</v>
      </c>
      <c r="C39" s="893">
        <v>0</v>
      </c>
      <c r="D39" s="922"/>
      <c r="E39" s="893">
        <v>0</v>
      </c>
      <c r="F39" s="922"/>
      <c r="G39" s="1008">
        <v>0</v>
      </c>
      <c r="H39" s="1009"/>
    </row>
    <row r="40" spans="1:8" ht="12.75" x14ac:dyDescent="0.2">
      <c r="A40" s="83" t="s">
        <v>447</v>
      </c>
      <c r="B40" s="461">
        <v>45530800</v>
      </c>
      <c r="C40" s="893">
        <v>45530800</v>
      </c>
      <c r="D40" s="922"/>
      <c r="E40" s="893">
        <v>11305030.43</v>
      </c>
      <c r="F40" s="922"/>
      <c r="G40" s="1008">
        <v>24.829413122545617</v>
      </c>
      <c r="H40" s="1009"/>
    </row>
    <row r="41" spans="1:8" s="285" customFormat="1" ht="15" customHeight="1" x14ac:dyDescent="0.2">
      <c r="A41" s="86" t="s">
        <v>398</v>
      </c>
      <c r="B41" s="438">
        <v>0</v>
      </c>
      <c r="C41" s="932">
        <v>0</v>
      </c>
      <c r="D41" s="933"/>
      <c r="E41" s="932">
        <v>0</v>
      </c>
      <c r="F41" s="933"/>
      <c r="G41" s="1016">
        <v>0</v>
      </c>
      <c r="H41" s="1017"/>
    </row>
    <row r="42" spans="1:8" s="285" customFormat="1" ht="15" customHeight="1" x14ac:dyDescent="0.2">
      <c r="A42" s="218" t="s">
        <v>351</v>
      </c>
      <c r="B42" s="438">
        <v>0</v>
      </c>
      <c r="C42" s="932">
        <v>0</v>
      </c>
      <c r="D42" s="933"/>
      <c r="E42" s="932">
        <v>0</v>
      </c>
      <c r="F42" s="933"/>
      <c r="G42" s="1016">
        <v>0</v>
      </c>
      <c r="H42" s="1017"/>
    </row>
    <row r="43" spans="1:8" s="285" customFormat="1" ht="15" customHeight="1" x14ac:dyDescent="0.2">
      <c r="A43" s="242" t="s">
        <v>448</v>
      </c>
      <c r="B43" s="595">
        <v>0</v>
      </c>
      <c r="C43" s="974">
        <v>0</v>
      </c>
      <c r="D43" s="975"/>
      <c r="E43" s="974">
        <v>0</v>
      </c>
      <c r="F43" s="975"/>
      <c r="G43" s="899">
        <v>0</v>
      </c>
      <c r="H43" s="1018"/>
    </row>
    <row r="44" spans="1:8" s="285" customFormat="1" ht="15" customHeight="1" x14ac:dyDescent="0.2">
      <c r="A44" s="639" t="s">
        <v>399</v>
      </c>
      <c r="B44" s="594">
        <v>213056800</v>
      </c>
      <c r="C44" s="935">
        <v>213056800</v>
      </c>
      <c r="D44" s="936"/>
      <c r="E44" s="935">
        <v>31781237.379999999</v>
      </c>
      <c r="F44" s="936"/>
      <c r="G44" s="885">
        <v>14.916790912094802</v>
      </c>
      <c r="H44" s="1015"/>
    </row>
    <row r="45" spans="1:8" ht="9.9499999999999993" customHeight="1" x14ac:dyDescent="0.2">
      <c r="A45" s="86"/>
      <c r="B45" s="90"/>
      <c r="C45" s="90"/>
      <c r="D45" s="90"/>
      <c r="E45" s="90"/>
    </row>
    <row r="46" spans="1:8" ht="15" customHeight="1" x14ac:dyDescent="0.2">
      <c r="A46" s="883" t="s">
        <v>237</v>
      </c>
      <c r="B46" s="990" t="s">
        <v>803</v>
      </c>
      <c r="C46" s="77" t="s">
        <v>157</v>
      </c>
      <c r="D46" s="879" t="s">
        <v>158</v>
      </c>
      <c r="E46" s="884"/>
      <c r="F46" s="879" t="s">
        <v>159</v>
      </c>
      <c r="G46" s="880"/>
      <c r="H46" s="1003" t="s">
        <v>621</v>
      </c>
    </row>
    <row r="47" spans="1:8" ht="21.75" customHeight="1" x14ac:dyDescent="0.2">
      <c r="A47" s="901"/>
      <c r="B47" s="991"/>
      <c r="C47" s="78" t="s">
        <v>112</v>
      </c>
      <c r="D47" s="268" t="s">
        <v>115</v>
      </c>
      <c r="E47" s="257" t="s">
        <v>114</v>
      </c>
      <c r="F47" s="268" t="s">
        <v>115</v>
      </c>
      <c r="G47" s="257" t="s">
        <v>114</v>
      </c>
      <c r="H47" s="979"/>
    </row>
    <row r="48" spans="1:8" ht="15" customHeight="1" x14ac:dyDescent="0.2">
      <c r="A48" s="41" t="s">
        <v>238</v>
      </c>
      <c r="B48" s="992"/>
      <c r="C48" s="255" t="s">
        <v>163</v>
      </c>
      <c r="D48" s="269" t="s">
        <v>233</v>
      </c>
      <c r="E48" s="256" t="s">
        <v>400</v>
      </c>
      <c r="F48" s="269" t="s">
        <v>164</v>
      </c>
      <c r="G48" s="256" t="s">
        <v>401</v>
      </c>
      <c r="H48" s="891"/>
    </row>
    <row r="49" spans="1:8" s="285" customFormat="1" x14ac:dyDescent="0.2">
      <c r="A49" s="235" t="s">
        <v>166</v>
      </c>
      <c r="B49" s="596">
        <v>960840700</v>
      </c>
      <c r="C49" s="596">
        <v>1004650500.1</v>
      </c>
      <c r="D49" s="596">
        <v>172940792.19999999</v>
      </c>
      <c r="E49" s="598">
        <v>17.214025393187576</v>
      </c>
      <c r="F49" s="597">
        <v>117069034.20000002</v>
      </c>
      <c r="G49" s="598">
        <v>11.652712479449052</v>
      </c>
      <c r="H49" s="599"/>
    </row>
    <row r="50" spans="1:8" x14ac:dyDescent="0.2">
      <c r="A50" s="83" t="s">
        <v>206</v>
      </c>
      <c r="B50" s="471">
        <v>330386300</v>
      </c>
      <c r="C50" s="455">
        <v>327915300</v>
      </c>
      <c r="D50" s="600">
        <v>64946677.290000007</v>
      </c>
      <c r="E50" s="507">
        <v>19.805930766267998</v>
      </c>
      <c r="F50" s="600">
        <v>52981223.940000005</v>
      </c>
      <c r="G50" s="507">
        <v>16.15698442250179</v>
      </c>
      <c r="H50" s="601"/>
    </row>
    <row r="51" spans="1:8" x14ac:dyDescent="0.2">
      <c r="A51" s="83" t="s">
        <v>239</v>
      </c>
      <c r="B51" s="471">
        <v>648000</v>
      </c>
      <c r="C51" s="455">
        <v>648000</v>
      </c>
      <c r="D51" s="600">
        <v>0</v>
      </c>
      <c r="E51" s="507">
        <v>0</v>
      </c>
      <c r="F51" s="600">
        <v>0</v>
      </c>
      <c r="G51" s="649">
        <v>0</v>
      </c>
      <c r="H51" s="601"/>
    </row>
    <row r="52" spans="1:8" x14ac:dyDescent="0.2">
      <c r="A52" s="83" t="s">
        <v>207</v>
      </c>
      <c r="B52" s="471">
        <v>629806400</v>
      </c>
      <c r="C52" s="471">
        <v>676087200.10000002</v>
      </c>
      <c r="D52" s="600">
        <v>107994114.91</v>
      </c>
      <c r="E52" s="507">
        <v>15.973400309017327</v>
      </c>
      <c r="F52" s="600">
        <v>64087810.260000005</v>
      </c>
      <c r="G52" s="507">
        <v>9.4792225397139269</v>
      </c>
      <c r="H52" s="601"/>
    </row>
    <row r="53" spans="1:8" s="285" customFormat="1" x14ac:dyDescent="0.2">
      <c r="A53" s="86" t="s">
        <v>167</v>
      </c>
      <c r="B53" s="591">
        <v>206993000</v>
      </c>
      <c r="C53" s="591">
        <v>190489390</v>
      </c>
      <c r="D53" s="591">
        <v>10425031.310000001</v>
      </c>
      <c r="E53" s="598">
        <v>5.4727621890122071</v>
      </c>
      <c r="F53" s="597">
        <v>92071.54</v>
      </c>
      <c r="G53" s="650">
        <v>4.8334209060147654E-2</v>
      </c>
      <c r="H53" s="602"/>
    </row>
    <row r="54" spans="1:8" x14ac:dyDescent="0.2">
      <c r="A54" s="17" t="s">
        <v>240</v>
      </c>
      <c r="B54" s="471">
        <v>206571700</v>
      </c>
      <c r="C54" s="455">
        <v>190068090</v>
      </c>
      <c r="D54" s="600">
        <v>10425031.310000001</v>
      </c>
      <c r="E54" s="507">
        <v>5.4848929717765884</v>
      </c>
      <c r="F54" s="600">
        <v>92071.54</v>
      </c>
      <c r="G54" s="507">
        <v>4.8441345414687968E-2</v>
      </c>
      <c r="H54" s="601"/>
    </row>
    <row r="55" spans="1:8" x14ac:dyDescent="0.2">
      <c r="A55" s="17" t="s">
        <v>241</v>
      </c>
      <c r="B55" s="471">
        <v>1300</v>
      </c>
      <c r="C55" s="455">
        <v>1300</v>
      </c>
      <c r="D55" s="600">
        <v>0</v>
      </c>
      <c r="E55" s="507">
        <v>0</v>
      </c>
      <c r="F55" s="600">
        <v>0</v>
      </c>
      <c r="G55" s="649">
        <v>0</v>
      </c>
      <c r="H55" s="601"/>
    </row>
    <row r="56" spans="1:8" x14ac:dyDescent="0.2">
      <c r="A56" s="17" t="s">
        <v>242</v>
      </c>
      <c r="B56" s="471">
        <v>420000</v>
      </c>
      <c r="C56" s="455">
        <v>420000</v>
      </c>
      <c r="D56" s="600">
        <v>0</v>
      </c>
      <c r="E56" s="507">
        <v>0</v>
      </c>
      <c r="F56" s="600">
        <v>0</v>
      </c>
      <c r="G56" s="649">
        <v>0</v>
      </c>
      <c r="H56" s="603"/>
    </row>
    <row r="57" spans="1:8" ht="15" customHeight="1" x14ac:dyDescent="0.2">
      <c r="A57" s="232" t="s">
        <v>532</v>
      </c>
      <c r="B57" s="594">
        <v>1167833700</v>
      </c>
      <c r="C57" s="457">
        <v>1195139890.0999999</v>
      </c>
      <c r="D57" s="604">
        <v>183365823.50999999</v>
      </c>
      <c r="E57" s="605">
        <v>15.342624326149584</v>
      </c>
      <c r="F57" s="604">
        <v>117161105.74000002</v>
      </c>
      <c r="G57" s="605">
        <v>9.8031290487841467</v>
      </c>
      <c r="H57" s="462">
        <v>0</v>
      </c>
    </row>
    <row r="58" spans="1:8" ht="9.9499999999999993" customHeight="1" x14ac:dyDescent="0.2">
      <c r="A58" s="1013"/>
      <c r="B58" s="1013"/>
      <c r="C58" s="359"/>
      <c r="D58" s="83"/>
      <c r="E58" s="83"/>
    </row>
    <row r="59" spans="1:8" ht="15" customHeight="1" x14ac:dyDescent="0.2">
      <c r="A59" s="875" t="s">
        <v>373</v>
      </c>
      <c r="B59" s="990" t="s">
        <v>803</v>
      </c>
      <c r="C59" s="77" t="s">
        <v>157</v>
      </c>
      <c r="D59" s="879" t="s">
        <v>158</v>
      </c>
      <c r="E59" s="884"/>
      <c r="F59" s="879" t="s">
        <v>159</v>
      </c>
      <c r="G59" s="880"/>
      <c r="H59" s="1003" t="s">
        <v>621</v>
      </c>
    </row>
    <row r="60" spans="1:8" ht="24" customHeight="1" x14ac:dyDescent="0.2">
      <c r="A60" s="876"/>
      <c r="B60" s="991"/>
      <c r="C60" s="78" t="s">
        <v>112</v>
      </c>
      <c r="D60" s="268" t="s">
        <v>115</v>
      </c>
      <c r="E60" s="257" t="s">
        <v>114</v>
      </c>
      <c r="F60" s="268" t="s">
        <v>115</v>
      </c>
      <c r="G60" s="257" t="s">
        <v>114</v>
      </c>
      <c r="H60" s="979"/>
    </row>
    <row r="61" spans="1:8" ht="15" customHeight="1" x14ac:dyDescent="0.2">
      <c r="A61" s="877"/>
      <c r="B61" s="992"/>
      <c r="C61" s="93"/>
      <c r="D61" s="269" t="s">
        <v>165</v>
      </c>
      <c r="E61" s="256" t="s">
        <v>622</v>
      </c>
      <c r="F61" s="269" t="s">
        <v>352</v>
      </c>
      <c r="G61" s="256" t="s">
        <v>623</v>
      </c>
      <c r="H61" s="891"/>
    </row>
    <row r="62" spans="1:8" ht="15" customHeight="1" x14ac:dyDescent="0.2">
      <c r="A62" s="287" t="s">
        <v>374</v>
      </c>
      <c r="B62" s="606">
        <v>0</v>
      </c>
      <c r="C62" s="607">
        <v>0</v>
      </c>
      <c r="D62" s="600">
        <v>0</v>
      </c>
      <c r="E62" s="598">
        <v>0</v>
      </c>
      <c r="F62" s="690">
        <v>0</v>
      </c>
      <c r="G62" s="689">
        <v>0</v>
      </c>
      <c r="H62" s="608"/>
    </row>
    <row r="63" spans="1:8" ht="24.95" customHeight="1" x14ac:dyDescent="0.2">
      <c r="A63" s="5" t="s">
        <v>375</v>
      </c>
      <c r="B63" s="609">
        <v>0</v>
      </c>
      <c r="C63" s="610">
        <v>0</v>
      </c>
      <c r="D63" s="600">
        <v>0</v>
      </c>
      <c r="E63" s="435">
        <v>0</v>
      </c>
      <c r="F63" s="600">
        <v>0</v>
      </c>
      <c r="G63" s="689">
        <v>0</v>
      </c>
      <c r="H63" s="601"/>
    </row>
    <row r="64" spans="1:8" ht="21" customHeight="1" x14ac:dyDescent="0.2">
      <c r="A64" s="288" t="s">
        <v>402</v>
      </c>
      <c r="B64" s="625">
        <v>103234000</v>
      </c>
      <c r="C64" s="625">
        <v>103584000</v>
      </c>
      <c r="D64" s="625">
        <v>15899628.109999999</v>
      </c>
      <c r="E64" s="435">
        <v>8.6709877585955386</v>
      </c>
      <c r="F64" s="597">
        <v>3408575.87</v>
      </c>
      <c r="G64" s="689">
        <v>2.9093066751727288</v>
      </c>
      <c r="H64" s="601"/>
    </row>
    <row r="65" spans="1:8" x14ac:dyDescent="0.2">
      <c r="A65" s="76" t="s">
        <v>403</v>
      </c>
      <c r="B65" s="461">
        <v>15598000</v>
      </c>
      <c r="C65" s="461">
        <v>15948000</v>
      </c>
      <c r="D65" s="600">
        <v>5796142.2699999996</v>
      </c>
      <c r="E65" s="456">
        <v>3.1609719625227233</v>
      </c>
      <c r="F65" s="600">
        <v>76193.100000000006</v>
      </c>
      <c r="G65" s="688">
        <v>6.5032759394645145E-2</v>
      </c>
      <c r="H65" s="601"/>
    </row>
    <row r="66" spans="1:8" x14ac:dyDescent="0.2">
      <c r="A66" s="76" t="s">
        <v>376</v>
      </c>
      <c r="B66" s="461">
        <v>15000000</v>
      </c>
      <c r="C66" s="461">
        <v>15000000</v>
      </c>
      <c r="D66" s="600">
        <v>0</v>
      </c>
      <c r="E66" s="456">
        <v>0</v>
      </c>
      <c r="F66" s="600">
        <v>0</v>
      </c>
      <c r="G66" s="688">
        <v>0</v>
      </c>
      <c r="H66" s="601"/>
    </row>
    <row r="67" spans="1:8" x14ac:dyDescent="0.2">
      <c r="A67" s="94" t="s">
        <v>377</v>
      </c>
      <c r="B67" s="461">
        <v>72636000</v>
      </c>
      <c r="C67" s="461">
        <v>72636000</v>
      </c>
      <c r="D67" s="461">
        <v>10103485.84</v>
      </c>
      <c r="E67" s="471">
        <v>5.5100157960728158</v>
      </c>
      <c r="F67" s="691">
        <v>3332382.77</v>
      </c>
      <c r="G67" s="688">
        <v>2.8442739157780839</v>
      </c>
      <c r="H67" s="601"/>
    </row>
    <row r="68" spans="1:8" s="285" customFormat="1" x14ac:dyDescent="0.2">
      <c r="A68" s="289" t="s">
        <v>378</v>
      </c>
      <c r="B68" s="438">
        <v>151939000</v>
      </c>
      <c r="C68" s="438">
        <v>162512000</v>
      </c>
      <c r="D68" s="438">
        <v>17163067.300000001</v>
      </c>
      <c r="E68" s="591">
        <v>9.3600142989917643</v>
      </c>
      <c r="F68" s="692">
        <v>1742246.22</v>
      </c>
      <c r="G68" s="689">
        <v>1.4870517045702301</v>
      </c>
      <c r="H68" s="602"/>
    </row>
    <row r="69" spans="1:8" s="285" customFormat="1" ht="21.75" x14ac:dyDescent="0.2">
      <c r="A69" s="5" t="s">
        <v>804</v>
      </c>
      <c r="B69" s="434">
        <v>0</v>
      </c>
      <c r="C69" s="434">
        <v>0</v>
      </c>
      <c r="D69" s="438">
        <v>0</v>
      </c>
      <c r="E69" s="591">
        <v>0</v>
      </c>
      <c r="F69" s="597">
        <v>0</v>
      </c>
      <c r="G69" s="689">
        <v>0</v>
      </c>
      <c r="H69" s="602"/>
    </row>
    <row r="70" spans="1:8" s="285" customFormat="1" ht="21.75" x14ac:dyDescent="0.2">
      <c r="A70" s="289" t="s">
        <v>805</v>
      </c>
      <c r="B70" s="438">
        <v>0</v>
      </c>
      <c r="C70" s="438">
        <v>0</v>
      </c>
      <c r="D70" s="438">
        <v>0</v>
      </c>
      <c r="E70" s="591">
        <v>0</v>
      </c>
      <c r="F70" s="692">
        <v>0</v>
      </c>
      <c r="G70" s="689">
        <v>0</v>
      </c>
      <c r="H70" s="602"/>
    </row>
    <row r="71" spans="1:8" s="285" customFormat="1" ht="32.25" x14ac:dyDescent="0.2">
      <c r="A71" s="12" t="s">
        <v>806</v>
      </c>
      <c r="B71" s="438">
        <v>0</v>
      </c>
      <c r="C71" s="438">
        <v>0</v>
      </c>
      <c r="D71" s="438">
        <v>0</v>
      </c>
      <c r="E71" s="591">
        <v>0</v>
      </c>
      <c r="F71" s="693">
        <v>0</v>
      </c>
      <c r="G71" s="689">
        <v>0</v>
      </c>
      <c r="H71" s="626"/>
    </row>
    <row r="72" spans="1:8" s="218" customFormat="1" ht="16.5" customHeight="1" x14ac:dyDescent="0.2">
      <c r="A72" s="283" t="s">
        <v>449</v>
      </c>
      <c r="B72" s="462">
        <v>255173000</v>
      </c>
      <c r="C72" s="457">
        <v>266096000</v>
      </c>
      <c r="D72" s="462">
        <v>33062695.41</v>
      </c>
      <c r="E72" s="594">
        <v>18.031002057587305</v>
      </c>
      <c r="F72" s="462">
        <v>5150822.09</v>
      </c>
      <c r="G72" s="462">
        <v>4.3963583797429591</v>
      </c>
      <c r="H72" s="462">
        <v>0</v>
      </c>
    </row>
    <row r="73" spans="1:8" s="17" customFormat="1" ht="5.0999999999999996" customHeight="1" x14ac:dyDescent="0.2">
      <c r="A73" s="95"/>
      <c r="B73" s="95"/>
      <c r="C73" s="95"/>
      <c r="D73" s="95"/>
      <c r="E73" s="361"/>
      <c r="F73" s="271"/>
      <c r="G73" s="359"/>
      <c r="H73" s="271"/>
    </row>
    <row r="74" spans="1:8" s="218" customFormat="1" ht="24.95" customHeight="1" x14ac:dyDescent="0.2">
      <c r="A74" s="290" t="s">
        <v>450</v>
      </c>
      <c r="B74" s="611">
        <v>912660700</v>
      </c>
      <c r="C74" s="611">
        <v>929043890.0999999</v>
      </c>
      <c r="D74" s="611">
        <v>150303128.09999999</v>
      </c>
      <c r="E74" s="612">
        <v>81.968997942412699</v>
      </c>
      <c r="F74" s="462">
        <v>112010283.65000002</v>
      </c>
      <c r="G74" s="604">
        <v>95.603641620257036</v>
      </c>
      <c r="H74" s="613">
        <v>0</v>
      </c>
    </row>
    <row r="75" spans="1:8" ht="5.0999999999999996" customHeight="1" x14ac:dyDescent="0.2">
      <c r="A75" s="97"/>
      <c r="B75" s="80"/>
      <c r="C75" s="263"/>
      <c r="D75" s="83"/>
      <c r="E75" s="83"/>
      <c r="G75" s="91"/>
      <c r="H75" s="271"/>
    </row>
    <row r="76" spans="1:8" ht="26.1" customHeight="1" x14ac:dyDescent="0.2">
      <c r="A76" s="853" t="s">
        <v>624</v>
      </c>
      <c r="B76" s="853"/>
      <c r="C76" s="853"/>
      <c r="D76" s="854"/>
      <c r="E76" s="851">
        <v>9.0207343530388542</v>
      </c>
      <c r="F76" s="852"/>
      <c r="G76" s="852"/>
      <c r="H76" s="852"/>
    </row>
    <row r="77" spans="1:8" ht="5.0999999999999996" customHeight="1" x14ac:dyDescent="0.2">
      <c r="A77" s="6"/>
      <c r="B77" s="6"/>
      <c r="C77" s="6"/>
      <c r="D77" s="6"/>
      <c r="E77" s="98"/>
      <c r="F77" s="99"/>
      <c r="G77" s="99"/>
      <c r="H77" s="271"/>
    </row>
    <row r="78" spans="1:8" ht="25.5" customHeight="1" x14ac:dyDescent="0.2">
      <c r="A78" s="853" t="s">
        <v>625</v>
      </c>
      <c r="B78" s="853"/>
      <c r="C78" s="853"/>
      <c r="D78" s="854"/>
      <c r="E78" s="851">
        <v>-36993483.803499982</v>
      </c>
      <c r="F78" s="852"/>
      <c r="G78" s="852"/>
      <c r="H78" s="852"/>
    </row>
    <row r="79" spans="1:8" ht="9.9499999999999993" customHeight="1" x14ac:dyDescent="0.2">
      <c r="A79" s="7"/>
      <c r="B79" s="7"/>
      <c r="C79" s="7"/>
      <c r="D79" s="7"/>
      <c r="E79" s="87"/>
      <c r="F79" s="96"/>
      <c r="G79" s="96"/>
    </row>
    <row r="80" spans="1:8" ht="13.5" customHeight="1" x14ac:dyDescent="0.2">
      <c r="A80" s="914" t="s">
        <v>451</v>
      </c>
      <c r="B80" s="875"/>
      <c r="C80" s="990" t="s">
        <v>533</v>
      </c>
      <c r="D80" s="990" t="s">
        <v>808</v>
      </c>
      <c r="E80" s="990" t="s">
        <v>379</v>
      </c>
      <c r="F80" s="990" t="s">
        <v>380</v>
      </c>
      <c r="G80" s="1003" t="s">
        <v>534</v>
      </c>
      <c r="H80" s="914"/>
    </row>
    <row r="81" spans="1:8" ht="21" customHeight="1" x14ac:dyDescent="0.2">
      <c r="A81" s="916"/>
      <c r="B81" s="877"/>
      <c r="C81" s="992"/>
      <c r="D81" s="992"/>
      <c r="E81" s="992"/>
      <c r="F81" s="992"/>
      <c r="G81" s="891"/>
      <c r="H81" s="916"/>
    </row>
    <row r="82" spans="1:8" ht="15" customHeight="1" x14ac:dyDescent="0.2">
      <c r="A82" s="8" t="s">
        <v>807</v>
      </c>
      <c r="B82" s="100"/>
      <c r="C82" s="666">
        <v>10778747.83</v>
      </c>
      <c r="D82" s="614">
        <v>0</v>
      </c>
      <c r="E82" s="615">
        <v>1072511.67</v>
      </c>
      <c r="F82" s="616">
        <v>9706236.1600000001</v>
      </c>
      <c r="G82" s="985">
        <v>3008766.7300000004</v>
      </c>
      <c r="H82" s="986"/>
    </row>
    <row r="83" spans="1:8" ht="12.75" customHeight="1" x14ac:dyDescent="0.2">
      <c r="A83" s="10" t="s">
        <v>809</v>
      </c>
      <c r="B83" s="101"/>
      <c r="C83" s="617">
        <v>826671.31</v>
      </c>
      <c r="D83" s="618">
        <v>0</v>
      </c>
      <c r="E83" s="619">
        <v>0</v>
      </c>
      <c r="F83" s="620">
        <v>826671.31</v>
      </c>
      <c r="G83" s="983">
        <v>0</v>
      </c>
      <c r="H83" s="984"/>
    </row>
    <row r="84" spans="1:8" ht="15" customHeight="1" x14ac:dyDescent="0.2">
      <c r="A84" s="283" t="s">
        <v>381</v>
      </c>
      <c r="B84" s="277"/>
      <c r="C84" s="621">
        <v>11605419.140000001</v>
      </c>
      <c r="D84" s="621">
        <v>0</v>
      </c>
      <c r="E84" s="594">
        <v>1072511.67</v>
      </c>
      <c r="F84" s="594">
        <v>10532907.470000001</v>
      </c>
      <c r="G84" s="935">
        <v>3008766.7300000004</v>
      </c>
      <c r="H84" s="982"/>
    </row>
    <row r="85" spans="1:8" ht="9.9499999999999993" customHeight="1" x14ac:dyDescent="0.2">
      <c r="A85" s="84"/>
      <c r="B85" s="271"/>
      <c r="C85" s="92"/>
      <c r="D85" s="271"/>
      <c r="E85" s="271"/>
      <c r="F85" s="91"/>
      <c r="G85" s="91"/>
      <c r="H85" s="91"/>
    </row>
    <row r="86" spans="1:8" ht="12.75" customHeight="1" x14ac:dyDescent="0.2">
      <c r="A86" s="915" t="s">
        <v>382</v>
      </c>
      <c r="B86" s="876"/>
      <c r="C86" s="979" t="s">
        <v>439</v>
      </c>
      <c r="D86" s="915"/>
      <c r="E86" s="915"/>
      <c r="F86" s="915"/>
      <c r="G86" s="915"/>
      <c r="H86" s="915"/>
    </row>
    <row r="87" spans="1:8" ht="15.75" customHeight="1" x14ac:dyDescent="0.2">
      <c r="A87" s="915"/>
      <c r="B87" s="876"/>
      <c r="C87" s="891"/>
      <c r="D87" s="916"/>
      <c r="E87" s="916"/>
      <c r="F87" s="916"/>
      <c r="G87" s="916"/>
      <c r="H87" s="916"/>
    </row>
    <row r="88" spans="1:8" ht="14.25" customHeight="1" x14ac:dyDescent="0.2">
      <c r="A88" s="915"/>
      <c r="B88" s="876"/>
      <c r="C88" s="990" t="s">
        <v>383</v>
      </c>
      <c r="D88" s="979" t="s">
        <v>384</v>
      </c>
      <c r="E88" s="915"/>
      <c r="F88" s="1003" t="s">
        <v>385</v>
      </c>
      <c r="G88" s="914"/>
      <c r="H88" s="914"/>
    </row>
    <row r="89" spans="1:8" ht="11.25" customHeight="1" x14ac:dyDescent="0.2">
      <c r="A89" s="915"/>
      <c r="B89" s="876"/>
      <c r="C89" s="991"/>
      <c r="D89" s="979"/>
      <c r="E89" s="915"/>
      <c r="F89" s="979"/>
      <c r="G89" s="915"/>
      <c r="H89" s="915"/>
    </row>
    <row r="90" spans="1:8" ht="12.75" customHeight="1" x14ac:dyDescent="0.2">
      <c r="A90" s="916"/>
      <c r="B90" s="877"/>
      <c r="C90" s="992"/>
      <c r="D90" s="891" t="s">
        <v>349</v>
      </c>
      <c r="E90" s="916"/>
      <c r="F90" s="891"/>
      <c r="G90" s="916"/>
      <c r="H90" s="916"/>
    </row>
    <row r="91" spans="1:8" ht="13.5" customHeight="1" x14ac:dyDescent="0.2">
      <c r="A91" s="251" t="s">
        <v>811</v>
      </c>
      <c r="B91" s="9"/>
      <c r="C91" s="622"/>
      <c r="D91" s="1004"/>
      <c r="E91" s="1005"/>
      <c r="F91" s="985"/>
      <c r="G91" s="986"/>
      <c r="H91" s="986"/>
    </row>
    <row r="92" spans="1:8" ht="13.5" customHeight="1" x14ac:dyDescent="0.2">
      <c r="A92" s="252" t="s">
        <v>810</v>
      </c>
      <c r="B92" s="11"/>
      <c r="C92" s="623"/>
      <c r="D92" s="995"/>
      <c r="E92" s="996"/>
      <c r="F92" s="997"/>
      <c r="G92" s="998"/>
      <c r="H92" s="998"/>
    </row>
    <row r="93" spans="1:8" ht="13.5" customHeight="1" x14ac:dyDescent="0.2">
      <c r="A93" s="10"/>
      <c r="B93" s="11"/>
      <c r="C93" s="623"/>
      <c r="D93" s="1001"/>
      <c r="E93" s="1002"/>
      <c r="F93" s="983"/>
      <c r="G93" s="984"/>
      <c r="H93" s="984"/>
    </row>
    <row r="94" spans="1:8" ht="15" customHeight="1" x14ac:dyDescent="0.2">
      <c r="A94" s="928" t="s">
        <v>387</v>
      </c>
      <c r="B94" s="1012"/>
      <c r="C94" s="624"/>
      <c r="D94" s="999"/>
      <c r="E94" s="1000"/>
      <c r="F94" s="935"/>
      <c r="G94" s="982"/>
      <c r="H94" s="982"/>
    </row>
    <row r="95" spans="1:8" ht="9.9499999999999993" customHeight="1" x14ac:dyDescent="0.2">
      <c r="A95" s="83"/>
      <c r="B95" s="83"/>
      <c r="C95" s="83"/>
      <c r="D95" s="83"/>
      <c r="E95" s="83"/>
      <c r="F95" s="96"/>
    </row>
    <row r="96" spans="1:8" ht="12.75" customHeight="1" x14ac:dyDescent="0.2">
      <c r="A96" s="914" t="s">
        <v>452</v>
      </c>
      <c r="B96" s="875"/>
      <c r="C96" s="1003" t="s">
        <v>386</v>
      </c>
      <c r="D96" s="914"/>
      <c r="E96" s="914"/>
      <c r="F96" s="914"/>
      <c r="G96" s="914"/>
      <c r="H96" s="914"/>
    </row>
    <row r="97" spans="1:8" ht="15.75" customHeight="1" x14ac:dyDescent="0.2">
      <c r="A97" s="915"/>
      <c r="B97" s="876"/>
      <c r="C97" s="891"/>
      <c r="D97" s="916"/>
      <c r="E97" s="916"/>
      <c r="F97" s="916"/>
      <c r="G97" s="916"/>
      <c r="H97" s="916"/>
    </row>
    <row r="98" spans="1:8" ht="15" customHeight="1" x14ac:dyDescent="0.2">
      <c r="A98" s="915"/>
      <c r="B98" s="876"/>
      <c r="C98" s="990" t="s">
        <v>383</v>
      </c>
      <c r="D98" s="979" t="s">
        <v>384</v>
      </c>
      <c r="E98" s="915"/>
      <c r="F98" s="979" t="s">
        <v>385</v>
      </c>
      <c r="G98" s="915"/>
      <c r="H98" s="915"/>
    </row>
    <row r="99" spans="1:8" x14ac:dyDescent="0.2">
      <c r="A99" s="915"/>
      <c r="B99" s="876"/>
      <c r="C99" s="991"/>
      <c r="D99" s="979"/>
      <c r="E99" s="915"/>
      <c r="F99" s="979"/>
      <c r="G99" s="915"/>
      <c r="H99" s="915"/>
    </row>
    <row r="100" spans="1:8" ht="15" customHeight="1" x14ac:dyDescent="0.2">
      <c r="A100" s="916"/>
      <c r="B100" s="877"/>
      <c r="C100" s="992"/>
      <c r="D100" s="891" t="s">
        <v>350</v>
      </c>
      <c r="E100" s="916"/>
      <c r="F100" s="891"/>
      <c r="G100" s="916"/>
      <c r="H100" s="916"/>
    </row>
    <row r="101" spans="1:8" x14ac:dyDescent="0.2">
      <c r="A101" s="251" t="s">
        <v>813</v>
      </c>
      <c r="B101" s="9"/>
      <c r="C101" s="622"/>
      <c r="D101" s="1004"/>
      <c r="E101" s="1005"/>
      <c r="F101" s="985"/>
      <c r="G101" s="986"/>
      <c r="H101" s="986"/>
    </row>
    <row r="102" spans="1:8" x14ac:dyDescent="0.2">
      <c r="A102" s="252" t="s">
        <v>812</v>
      </c>
      <c r="B102" s="11"/>
      <c r="C102" s="623"/>
      <c r="D102" s="995"/>
      <c r="E102" s="996"/>
      <c r="F102" s="997"/>
      <c r="G102" s="998"/>
      <c r="H102" s="998"/>
    </row>
    <row r="103" spans="1:8" x14ac:dyDescent="0.2">
      <c r="A103" s="10"/>
      <c r="B103" s="11"/>
      <c r="C103" s="623"/>
      <c r="D103" s="1001"/>
      <c r="E103" s="1002"/>
      <c r="F103" s="983"/>
      <c r="G103" s="984"/>
      <c r="H103" s="984"/>
    </row>
    <row r="104" spans="1:8" ht="15" customHeight="1" x14ac:dyDescent="0.2">
      <c r="A104" s="1011" t="s">
        <v>453</v>
      </c>
      <c r="B104" s="1011"/>
      <c r="C104" s="624"/>
      <c r="D104" s="999"/>
      <c r="E104" s="1000"/>
      <c r="F104" s="935"/>
      <c r="G104" s="982"/>
      <c r="H104" s="982"/>
    </row>
    <row r="105" spans="1:8" ht="9.9499999999999993" customHeight="1" x14ac:dyDescent="0.2">
      <c r="A105" s="89"/>
      <c r="B105" s="89"/>
      <c r="C105" s="89"/>
      <c r="D105" s="89"/>
      <c r="E105" s="89"/>
      <c r="F105" s="102"/>
      <c r="G105" s="102"/>
      <c r="H105" s="102"/>
    </row>
    <row r="106" spans="1:8" ht="15" customHeight="1" x14ac:dyDescent="0.2">
      <c r="A106" s="883" t="s">
        <v>237</v>
      </c>
      <c r="B106" s="990" t="s">
        <v>803</v>
      </c>
      <c r="C106" s="990" t="s">
        <v>236</v>
      </c>
      <c r="D106" s="879" t="s">
        <v>158</v>
      </c>
      <c r="E106" s="880"/>
      <c r="F106" s="879" t="s">
        <v>159</v>
      </c>
      <c r="G106" s="880"/>
      <c r="H106" s="1003" t="s">
        <v>621</v>
      </c>
    </row>
    <row r="107" spans="1:8" ht="21.75" customHeight="1" x14ac:dyDescent="0.2">
      <c r="A107" s="901"/>
      <c r="B107" s="991"/>
      <c r="C107" s="991"/>
      <c r="D107" s="77" t="s">
        <v>115</v>
      </c>
      <c r="E107" s="672" t="s">
        <v>114</v>
      </c>
      <c r="F107" s="77" t="s">
        <v>115</v>
      </c>
      <c r="G107" s="672" t="s">
        <v>114</v>
      </c>
      <c r="H107" s="979"/>
    </row>
    <row r="108" spans="1:8" ht="21.75" customHeight="1" x14ac:dyDescent="0.2">
      <c r="A108" s="590" t="s">
        <v>244</v>
      </c>
      <c r="B108" s="992"/>
      <c r="C108" s="992"/>
      <c r="D108" s="269" t="s">
        <v>388</v>
      </c>
      <c r="E108" s="673" t="s">
        <v>389</v>
      </c>
      <c r="F108" s="269" t="s">
        <v>390</v>
      </c>
      <c r="G108" s="673" t="s">
        <v>391</v>
      </c>
      <c r="H108" s="891"/>
    </row>
    <row r="109" spans="1:8" x14ac:dyDescent="0.2">
      <c r="A109" s="83" t="s">
        <v>245</v>
      </c>
      <c r="B109" s="471">
        <v>64744900</v>
      </c>
      <c r="C109" s="471">
        <v>67506500</v>
      </c>
      <c r="D109" s="600">
        <v>4145761.69</v>
      </c>
      <c r="E109" s="507">
        <v>2.2609238791840109</v>
      </c>
      <c r="F109" s="600">
        <v>2762995.61</v>
      </c>
      <c r="G109" s="507">
        <v>2.3582874133430827</v>
      </c>
      <c r="H109" s="608"/>
    </row>
    <row r="110" spans="1:8" x14ac:dyDescent="0.2">
      <c r="A110" s="83" t="s">
        <v>246</v>
      </c>
      <c r="B110" s="471">
        <v>547235100</v>
      </c>
      <c r="C110" s="471">
        <v>559091900</v>
      </c>
      <c r="D110" s="600">
        <v>78536920.930000007</v>
      </c>
      <c r="E110" s="456">
        <v>42.830730081888419</v>
      </c>
      <c r="F110" s="507">
        <v>31192219.239999998</v>
      </c>
      <c r="G110" s="455">
        <v>26.623356823911102</v>
      </c>
      <c r="H110" s="601"/>
    </row>
    <row r="111" spans="1:8" x14ac:dyDescent="0.2">
      <c r="A111" s="83" t="s">
        <v>247</v>
      </c>
      <c r="B111" s="471">
        <v>76302000</v>
      </c>
      <c r="C111" s="471">
        <v>77012400</v>
      </c>
      <c r="D111" s="600">
        <v>5578736.3300000001</v>
      </c>
      <c r="E111" s="456">
        <v>3.0424079161598829</v>
      </c>
      <c r="F111" s="507">
        <v>1277767.06</v>
      </c>
      <c r="G111" s="455">
        <v>1.0906068630280579</v>
      </c>
      <c r="H111" s="601"/>
    </row>
    <row r="112" spans="1:8" x14ac:dyDescent="0.2">
      <c r="A112" s="83" t="s">
        <v>248</v>
      </c>
      <c r="B112" s="471">
        <v>17209600</v>
      </c>
      <c r="C112" s="471">
        <v>17559600</v>
      </c>
      <c r="D112" s="600">
        <v>6328545.6699999999</v>
      </c>
      <c r="E112" s="456">
        <v>3.4513223614186024</v>
      </c>
      <c r="F112" s="507">
        <v>83193.100000000006</v>
      </c>
      <c r="G112" s="455">
        <v>7.1007438411019558E-2</v>
      </c>
      <c r="H112" s="601"/>
    </row>
    <row r="113" spans="1:8" x14ac:dyDescent="0.2">
      <c r="A113" s="83" t="s">
        <v>249</v>
      </c>
      <c r="B113" s="471">
        <v>21294500</v>
      </c>
      <c r="C113" s="471">
        <v>21294500</v>
      </c>
      <c r="D113" s="600">
        <v>713231.56</v>
      </c>
      <c r="E113" s="456">
        <v>0.38896646405926527</v>
      </c>
      <c r="F113" s="507">
        <v>152889.81</v>
      </c>
      <c r="G113" s="455">
        <v>0.1304953628034955</v>
      </c>
      <c r="H113" s="601"/>
    </row>
    <row r="114" spans="1:8" x14ac:dyDescent="0.2">
      <c r="A114" s="83" t="s">
        <v>250</v>
      </c>
      <c r="B114" s="471">
        <v>108000</v>
      </c>
      <c r="C114" s="471">
        <v>108000</v>
      </c>
      <c r="D114" s="600">
        <v>4040</v>
      </c>
      <c r="E114" s="456">
        <v>2.2032459062796264E-3</v>
      </c>
      <c r="F114" s="507">
        <v>0</v>
      </c>
      <c r="G114" s="455">
        <v>0</v>
      </c>
      <c r="H114" s="601"/>
    </row>
    <row r="115" spans="1:8" x14ac:dyDescent="0.2">
      <c r="A115" s="89" t="s">
        <v>232</v>
      </c>
      <c r="B115" s="477">
        <v>440939600</v>
      </c>
      <c r="C115" s="477">
        <v>452566990.10000002</v>
      </c>
      <c r="D115" s="600">
        <v>88058587.330000013</v>
      </c>
      <c r="E115" s="456">
        <v>48.023446051383537</v>
      </c>
      <c r="F115" s="507">
        <v>81692040.920000002</v>
      </c>
      <c r="G115" s="455">
        <v>69.726246098503225</v>
      </c>
      <c r="H115" s="603"/>
    </row>
    <row r="116" spans="1:8" ht="15" customHeight="1" x14ac:dyDescent="0.2">
      <c r="A116" s="232" t="s">
        <v>170</v>
      </c>
      <c r="B116" s="594">
        <v>1167833700</v>
      </c>
      <c r="C116" s="594">
        <v>1195139890.0999999</v>
      </c>
      <c r="D116" s="604">
        <v>183365823.51000002</v>
      </c>
      <c r="E116" s="458">
        <v>100</v>
      </c>
      <c r="F116" s="605">
        <v>117161105.74000001</v>
      </c>
      <c r="G116" s="457">
        <v>100</v>
      </c>
      <c r="H116" s="462">
        <v>0</v>
      </c>
    </row>
    <row r="117" spans="1:8" ht="10.5" customHeight="1" x14ac:dyDescent="0.2">
      <c r="A117" s="64" t="s">
        <v>878</v>
      </c>
      <c r="B117" s="177"/>
      <c r="C117" s="177"/>
      <c r="D117" s="177"/>
      <c r="E117" s="177"/>
      <c r="F117" s="96"/>
      <c r="G117" s="96"/>
      <c r="H117" s="299"/>
    </row>
    <row r="118" spans="1:8" ht="11.25" x14ac:dyDescent="0.2">
      <c r="A118" s="83" t="s">
        <v>0</v>
      </c>
      <c r="B118" s="103"/>
      <c r="C118" s="103"/>
      <c r="D118" s="83"/>
      <c r="E118" s="83"/>
      <c r="F118" s="96"/>
      <c r="G118" s="96"/>
    </row>
    <row r="119" spans="1:8" ht="11.25" x14ac:dyDescent="0.2">
      <c r="A119" s="83" t="s">
        <v>626</v>
      </c>
      <c r="B119" s="103"/>
      <c r="C119" s="103"/>
      <c r="D119" s="83"/>
      <c r="E119" s="83"/>
      <c r="F119" s="96"/>
      <c r="G119" s="96"/>
    </row>
    <row r="120" spans="1:8" ht="11.25" x14ac:dyDescent="0.2">
      <c r="A120" s="83" t="s">
        <v>627</v>
      </c>
      <c r="B120" s="103"/>
      <c r="C120" s="103"/>
      <c r="D120" s="83"/>
      <c r="E120" s="83"/>
      <c r="F120" s="96"/>
      <c r="G120" s="96"/>
    </row>
    <row r="121" spans="1:8" ht="11.25" x14ac:dyDescent="0.2">
      <c r="A121" s="17" t="s">
        <v>628</v>
      </c>
      <c r="B121" s="104"/>
      <c r="C121" s="104"/>
      <c r="D121" s="83"/>
      <c r="E121" s="83"/>
      <c r="F121" s="96"/>
      <c r="G121" s="96"/>
    </row>
    <row r="122" spans="1:8" ht="11.25" x14ac:dyDescent="0.2">
      <c r="A122" s="17" t="s">
        <v>629</v>
      </c>
    </row>
    <row r="123" spans="1:8" ht="11.25" x14ac:dyDescent="0.2">
      <c r="A123" s="105" t="s">
        <v>630</v>
      </c>
    </row>
    <row r="124" spans="1:8" x14ac:dyDescent="0.2">
      <c r="A124" s="939" t="s">
        <v>631</v>
      </c>
      <c r="B124" s="939"/>
      <c r="C124" s="939"/>
    </row>
    <row r="126" spans="1:8" x14ac:dyDescent="0.2">
      <c r="B126" s="653"/>
      <c r="C126" s="653"/>
      <c r="D126" s="653"/>
      <c r="E126" s="653"/>
    </row>
    <row r="127" spans="1:8" x14ac:dyDescent="0.2">
      <c r="B127" s="653"/>
      <c r="C127" s="653"/>
      <c r="D127" s="653"/>
      <c r="E127" s="653"/>
    </row>
  </sheetData>
  <customSheetViews>
    <customSheetView guid="{8C4C4E05-26A9-48D7-9CF5-CBEE6AE5F4C6}" showPageBreaks="1" showGridLines="0" fitToPage="1" printArea="1">
      <pageMargins left="0.39370078740157483" right="0.39370078740157483" top="0.59055118110236227" bottom="0.98425196850393704" header="0" footer="0"/>
      <printOptions horizontalCentered="1"/>
      <pageSetup paperSize="9" scale="51" fitToHeight="2" orientation="portrait" r:id="rId1"/>
      <headerFooter alignWithMargins="0"/>
    </customSheetView>
    <customSheetView guid="{6F6CE139-4C01-4DC6-BA1C-5DC7C1E4A87D}" showPageBreaks="1" showGridLines="0" fitToPage="1" printArea="1">
      <pageMargins left="0.19685039370078741" right="0.19685039370078741" top="0.78740157480314965" bottom="0.78740157480314965" header="0" footer="0"/>
      <printOptions horizontalCentered="1"/>
      <pageSetup paperSize="9" scale="53" fitToHeight="2" orientation="portrait" r:id="rId2"/>
      <headerFooter alignWithMargins="0"/>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3"/>
    </customSheetView>
    <customSheetView guid="{82EDB5A4-4824-4632-A540-7A52C92F04C7}" showGridLines="0" topLeftCell="A19">
      <selection activeCell="A128" sqref="A128"/>
      <pageMargins left="0.511811024" right="0.511811024" top="0.78740157499999996" bottom="0.78740157499999996" header="0.31496062000000002" footer="0.31496062000000002"/>
      <pageSetup paperSize="9" orientation="portrait" horizontalDpi="4294967295" verticalDpi="4294967295" r:id="rId4"/>
    </customSheetView>
    <customSheetView guid="{6DBFA32C-4AA4-4E1D-9A48-697377C64CC3}" showGridLines="0" fitToPage="1">
      <pageMargins left="0.19685039370078741" right="0.19685039370078741" top="0.78740157480314965" bottom="0.70866141732283472" header="0" footer="0"/>
      <printOptions horizontalCentered="1"/>
      <pageSetup paperSize="9" scale="53" fitToHeight="2" orientation="portrait" r:id="rId5"/>
      <headerFooter alignWithMargins="0"/>
    </customSheetView>
    <customSheetView guid="{3AAF6A5F-F9AA-430B-9AD9-1261ECDF41B5}" showPageBreaks="1" showGridLines="0" fitToPage="1" printArea="1" topLeftCell="B63">
      <selection activeCell="M74" sqref="M74"/>
      <pageMargins left="0.39370078740157483" right="0.39370078740157483" top="0.59055118110236227" bottom="0.98425196850393704" header="0" footer="0"/>
      <printOptions horizontalCentered="1"/>
      <pageSetup paperSize="9" scale="51" fitToHeight="2" orientation="portrait" r:id="rId6"/>
      <headerFooter alignWithMargins="0"/>
    </customSheetView>
    <customSheetView guid="{25EF1E0D-169B-4051-B414-7E1196FC05E4}" showPageBreaks="1" showGridLines="0" fitToPage="1" printArea="1" topLeftCell="B25">
      <selection activeCell="G42" sqref="G42:H42"/>
      <pageMargins left="0.19685039370078741" right="0.19685039370078741" top="0.19685039370078741" bottom="0.19685039370078741" header="0" footer="0"/>
      <printOptions horizontalCentered="1"/>
      <pageSetup paperSize="9" scale="43" orientation="portrait" r:id="rId7"/>
    </customSheetView>
  </customSheetViews>
  <mergeCells count="168">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 ref="C44:D44"/>
    <mergeCell ref="C42:D42"/>
    <mergeCell ref="C43:D43"/>
    <mergeCell ref="E42:F42"/>
    <mergeCell ref="G37:H37"/>
    <mergeCell ref="E38:F38"/>
    <mergeCell ref="G38:H38"/>
    <mergeCell ref="G44:H44"/>
    <mergeCell ref="E39:F39"/>
    <mergeCell ref="G39:H39"/>
    <mergeCell ref="G41:H41"/>
    <mergeCell ref="A46:A47"/>
    <mergeCell ref="D46:E46"/>
    <mergeCell ref="F46:G46"/>
    <mergeCell ref="H46:H48"/>
    <mergeCell ref="A58:B58"/>
    <mergeCell ref="A59:A61"/>
    <mergeCell ref="D59:E59"/>
    <mergeCell ref="F59:G59"/>
    <mergeCell ref="H59:H61"/>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D102:E102"/>
    <mergeCell ref="C106:C108"/>
    <mergeCell ref="F102:H102"/>
    <mergeCell ref="D94:E94"/>
    <mergeCell ref="D93:E93"/>
    <mergeCell ref="F93:H93"/>
    <mergeCell ref="C86:H87"/>
    <mergeCell ref="F88:H90"/>
    <mergeCell ref="D106:E106"/>
    <mergeCell ref="F106:G106"/>
    <mergeCell ref="H106:H108"/>
    <mergeCell ref="C88:C90"/>
    <mergeCell ref="D91:E91"/>
    <mergeCell ref="F91:H91"/>
    <mergeCell ref="F101:H101"/>
    <mergeCell ref="D100:E100"/>
    <mergeCell ref="D101:E101"/>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G84:H84"/>
    <mergeCell ref="G83:H83"/>
    <mergeCell ref="G82:H82"/>
    <mergeCell ref="C26:D26"/>
    <mergeCell ref="E26:F26"/>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 ref="C29:D29"/>
  </mergeCells>
  <printOptions horizontalCentered="1"/>
  <pageMargins left="0.19685039370078741" right="0.19685039370078741" top="0.59055118110236227" bottom="0.78740157480314965" header="0" footer="0"/>
  <pageSetup paperSize="9" scale="53" fitToHeight="3" orientation="portrait" r:id="rId8"/>
  <headerFooter alignWithMargins="0"/>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44"/>
  <sheetViews>
    <sheetView showGridLines="0" zoomScaleNormal="100" workbookViewId="0"/>
  </sheetViews>
  <sheetFormatPr defaultRowHeight="11.25" customHeight="1" x14ac:dyDescent="0.2"/>
  <cols>
    <col min="1" max="1" width="48.85546875" style="270" customWidth="1"/>
    <col min="2" max="2" width="14.42578125" style="270" customWidth="1"/>
    <col min="3" max="3" width="19.140625" style="270" customWidth="1"/>
    <col min="4" max="12" width="6.7109375" style="270" customWidth="1"/>
    <col min="13" max="13" width="8" style="210" customWidth="1"/>
    <col min="14" max="245" width="9.140625" style="270"/>
    <col min="246" max="246" width="32" style="270" customWidth="1"/>
    <col min="247" max="247" width="9.140625" style="270"/>
    <col min="248" max="248" width="9.140625" style="270" customWidth="1"/>
    <col min="249" max="249" width="9.140625" style="270"/>
    <col min="250" max="250" width="9.140625" style="270" customWidth="1"/>
    <col min="251" max="251" width="7" style="270" customWidth="1"/>
    <col min="252" max="252" width="9.140625" style="270" customWidth="1"/>
    <col min="253" max="253" width="7.42578125" style="270" customWidth="1"/>
    <col min="254" max="254" width="9.140625" style="270" customWidth="1"/>
    <col min="255" max="255" width="7.42578125" style="270" customWidth="1"/>
    <col min="256" max="257" width="9.140625" style="270" customWidth="1"/>
    <col min="258" max="258" width="7.42578125" style="270" customWidth="1"/>
    <col min="259" max="259" width="9.140625" style="270" customWidth="1"/>
    <col min="260" max="260" width="7.85546875" style="270" customWidth="1"/>
    <col min="261" max="262" width="9.140625" style="270" customWidth="1"/>
    <col min="263" max="263" width="7.7109375" style="270" customWidth="1"/>
    <col min="264" max="264" width="9.140625" style="270" customWidth="1"/>
    <col min="265" max="265" width="7.5703125" style="270" customWidth="1"/>
    <col min="266" max="266" width="9.140625" style="270" customWidth="1"/>
    <col min="267" max="268" width="7.7109375" style="270" customWidth="1"/>
    <col min="269" max="269" width="8" style="270" customWidth="1"/>
    <col min="270" max="501" width="9.140625" style="270"/>
    <col min="502" max="502" width="32" style="270" customWidth="1"/>
    <col min="503" max="503" width="9.140625" style="270"/>
    <col min="504" max="504" width="9.140625" style="270" customWidth="1"/>
    <col min="505" max="505" width="9.140625" style="270"/>
    <col min="506" max="506" width="9.140625" style="270" customWidth="1"/>
    <col min="507" max="507" width="7" style="270" customWidth="1"/>
    <col min="508" max="508" width="9.140625" style="270" customWidth="1"/>
    <col min="509" max="509" width="7.42578125" style="270" customWidth="1"/>
    <col min="510" max="510" width="9.140625" style="270" customWidth="1"/>
    <col min="511" max="511" width="7.42578125" style="270" customWidth="1"/>
    <col min="512" max="513" width="9.140625" style="270" customWidth="1"/>
    <col min="514" max="514" width="7.42578125" style="270" customWidth="1"/>
    <col min="515" max="515" width="9.140625" style="270" customWidth="1"/>
    <col min="516" max="516" width="7.85546875" style="270" customWidth="1"/>
    <col min="517" max="518" width="9.140625" style="270" customWidth="1"/>
    <col min="519" max="519" width="7.7109375" style="270" customWidth="1"/>
    <col min="520" max="520" width="9.140625" style="270" customWidth="1"/>
    <col min="521" max="521" width="7.5703125" style="270" customWidth="1"/>
    <col min="522" max="522" width="9.140625" style="270" customWidth="1"/>
    <col min="523" max="524" width="7.7109375" style="270" customWidth="1"/>
    <col min="525" max="525" width="8" style="270" customWidth="1"/>
    <col min="526" max="757" width="9.140625" style="270"/>
    <col min="758" max="758" width="32" style="270" customWidth="1"/>
    <col min="759" max="759" width="9.140625" style="270"/>
    <col min="760" max="760" width="9.140625" style="270" customWidth="1"/>
    <col min="761" max="761" width="9.140625" style="270"/>
    <col min="762" max="762" width="9.140625" style="270" customWidth="1"/>
    <col min="763" max="763" width="7" style="270" customWidth="1"/>
    <col min="764" max="764" width="9.140625" style="270" customWidth="1"/>
    <col min="765" max="765" width="7.42578125" style="270" customWidth="1"/>
    <col min="766" max="766" width="9.140625" style="270" customWidth="1"/>
    <col min="767" max="767" width="7.42578125" style="270" customWidth="1"/>
    <col min="768" max="769" width="9.140625" style="270" customWidth="1"/>
    <col min="770" max="770" width="7.42578125" style="270" customWidth="1"/>
    <col min="771" max="771" width="9.140625" style="270" customWidth="1"/>
    <col min="772" max="772" width="7.85546875" style="270" customWidth="1"/>
    <col min="773" max="774" width="9.140625" style="270" customWidth="1"/>
    <col min="775" max="775" width="7.7109375" style="270" customWidth="1"/>
    <col min="776" max="776" width="9.140625" style="270" customWidth="1"/>
    <col min="777" max="777" width="7.5703125" style="270" customWidth="1"/>
    <col min="778" max="778" width="9.140625" style="270" customWidth="1"/>
    <col min="779" max="780" width="7.7109375" style="270" customWidth="1"/>
    <col min="781" max="781" width="8" style="270" customWidth="1"/>
    <col min="782" max="1013" width="9.140625" style="270"/>
    <col min="1014" max="1014" width="32" style="270" customWidth="1"/>
    <col min="1015" max="1015" width="9.140625" style="270"/>
    <col min="1016" max="1016" width="9.140625" style="270" customWidth="1"/>
    <col min="1017" max="1017" width="9.140625" style="270"/>
    <col min="1018" max="1018" width="9.140625" style="270" customWidth="1"/>
    <col min="1019" max="1019" width="7" style="270" customWidth="1"/>
    <col min="1020" max="1020" width="9.140625" style="270" customWidth="1"/>
    <col min="1021" max="1021" width="7.42578125" style="270" customWidth="1"/>
    <col min="1022" max="1022" width="9.140625" style="270" customWidth="1"/>
    <col min="1023" max="1023" width="7.42578125" style="270" customWidth="1"/>
    <col min="1024" max="1025" width="9.140625" style="270" customWidth="1"/>
    <col min="1026" max="1026" width="7.42578125" style="270" customWidth="1"/>
    <col min="1027" max="1027" width="9.140625" style="270" customWidth="1"/>
    <col min="1028" max="1028" width="7.85546875" style="270" customWidth="1"/>
    <col min="1029" max="1030" width="9.140625" style="270" customWidth="1"/>
    <col min="1031" max="1031" width="7.7109375" style="270" customWidth="1"/>
    <col min="1032" max="1032" width="9.140625" style="270" customWidth="1"/>
    <col min="1033" max="1033" width="7.5703125" style="270" customWidth="1"/>
    <col min="1034" max="1034" width="9.140625" style="270" customWidth="1"/>
    <col min="1035" max="1036" width="7.7109375" style="270" customWidth="1"/>
    <col min="1037" max="1037" width="8" style="270" customWidth="1"/>
    <col min="1038" max="1269" width="9.140625" style="270"/>
    <col min="1270" max="1270" width="32" style="270" customWidth="1"/>
    <col min="1271" max="1271" width="9.140625" style="270"/>
    <col min="1272" max="1272" width="9.140625" style="270" customWidth="1"/>
    <col min="1273" max="1273" width="9.140625" style="270"/>
    <col min="1274" max="1274" width="9.140625" style="270" customWidth="1"/>
    <col min="1275" max="1275" width="7" style="270" customWidth="1"/>
    <col min="1276" max="1276" width="9.140625" style="270" customWidth="1"/>
    <col min="1277" max="1277" width="7.42578125" style="270" customWidth="1"/>
    <col min="1278" max="1278" width="9.140625" style="270" customWidth="1"/>
    <col min="1279" max="1279" width="7.42578125" style="270" customWidth="1"/>
    <col min="1280" max="1281" width="9.140625" style="270" customWidth="1"/>
    <col min="1282" max="1282" width="7.42578125" style="270" customWidth="1"/>
    <col min="1283" max="1283" width="9.140625" style="270" customWidth="1"/>
    <col min="1284" max="1284" width="7.85546875" style="270" customWidth="1"/>
    <col min="1285" max="1286" width="9.140625" style="270" customWidth="1"/>
    <col min="1287" max="1287" width="7.7109375" style="270" customWidth="1"/>
    <col min="1288" max="1288" width="9.140625" style="270" customWidth="1"/>
    <col min="1289" max="1289" width="7.5703125" style="270" customWidth="1"/>
    <col min="1290" max="1290" width="9.140625" style="270" customWidth="1"/>
    <col min="1291" max="1292" width="7.7109375" style="270" customWidth="1"/>
    <col min="1293" max="1293" width="8" style="270" customWidth="1"/>
    <col min="1294" max="1525" width="9.140625" style="270"/>
    <col min="1526" max="1526" width="32" style="270" customWidth="1"/>
    <col min="1527" max="1527" width="9.140625" style="270"/>
    <col min="1528" max="1528" width="9.140625" style="270" customWidth="1"/>
    <col min="1529" max="1529" width="9.140625" style="270"/>
    <col min="1530" max="1530" width="9.140625" style="270" customWidth="1"/>
    <col min="1531" max="1531" width="7" style="270" customWidth="1"/>
    <col min="1532" max="1532" width="9.140625" style="270" customWidth="1"/>
    <col min="1533" max="1533" width="7.42578125" style="270" customWidth="1"/>
    <col min="1534" max="1534" width="9.140625" style="270" customWidth="1"/>
    <col min="1535" max="1535" width="7.42578125" style="270" customWidth="1"/>
    <col min="1536" max="1537" width="9.140625" style="270" customWidth="1"/>
    <col min="1538" max="1538" width="7.42578125" style="270" customWidth="1"/>
    <col min="1539" max="1539" width="9.140625" style="270" customWidth="1"/>
    <col min="1540" max="1540" width="7.85546875" style="270" customWidth="1"/>
    <col min="1541" max="1542" width="9.140625" style="270" customWidth="1"/>
    <col min="1543" max="1543" width="7.7109375" style="270" customWidth="1"/>
    <col min="1544" max="1544" width="9.140625" style="270" customWidth="1"/>
    <col min="1545" max="1545" width="7.5703125" style="270" customWidth="1"/>
    <col min="1546" max="1546" width="9.140625" style="270" customWidth="1"/>
    <col min="1547" max="1548" width="7.7109375" style="270" customWidth="1"/>
    <col min="1549" max="1549" width="8" style="270" customWidth="1"/>
    <col min="1550" max="1781" width="9.140625" style="270"/>
    <col min="1782" max="1782" width="32" style="270" customWidth="1"/>
    <col min="1783" max="1783" width="9.140625" style="270"/>
    <col min="1784" max="1784" width="9.140625" style="270" customWidth="1"/>
    <col min="1785" max="1785" width="9.140625" style="270"/>
    <col min="1786" max="1786" width="9.140625" style="270" customWidth="1"/>
    <col min="1787" max="1787" width="7" style="270" customWidth="1"/>
    <col min="1788" max="1788" width="9.140625" style="270" customWidth="1"/>
    <col min="1789" max="1789" width="7.42578125" style="270" customWidth="1"/>
    <col min="1790" max="1790" width="9.140625" style="270" customWidth="1"/>
    <col min="1791" max="1791" width="7.42578125" style="270" customWidth="1"/>
    <col min="1792" max="1793" width="9.140625" style="270" customWidth="1"/>
    <col min="1794" max="1794" width="7.42578125" style="270" customWidth="1"/>
    <col min="1795" max="1795" width="9.140625" style="270" customWidth="1"/>
    <col min="1796" max="1796" width="7.85546875" style="270" customWidth="1"/>
    <col min="1797" max="1798" width="9.140625" style="270" customWidth="1"/>
    <col min="1799" max="1799" width="7.7109375" style="270" customWidth="1"/>
    <col min="1800" max="1800" width="9.140625" style="270" customWidth="1"/>
    <col min="1801" max="1801" width="7.5703125" style="270" customWidth="1"/>
    <col min="1802" max="1802" width="9.140625" style="270" customWidth="1"/>
    <col min="1803" max="1804" width="7.7109375" style="270" customWidth="1"/>
    <col min="1805" max="1805" width="8" style="270" customWidth="1"/>
    <col min="1806" max="2037" width="9.140625" style="270"/>
    <col min="2038" max="2038" width="32" style="270" customWidth="1"/>
    <col min="2039" max="2039" width="9.140625" style="270"/>
    <col min="2040" max="2040" width="9.140625" style="270" customWidth="1"/>
    <col min="2041" max="2041" width="9.140625" style="270"/>
    <col min="2042" max="2042" width="9.140625" style="270" customWidth="1"/>
    <col min="2043" max="2043" width="7" style="270" customWidth="1"/>
    <col min="2044" max="2044" width="9.140625" style="270" customWidth="1"/>
    <col min="2045" max="2045" width="7.42578125" style="270" customWidth="1"/>
    <col min="2046" max="2046" width="9.140625" style="270" customWidth="1"/>
    <col min="2047" max="2047" width="7.42578125" style="270" customWidth="1"/>
    <col min="2048" max="2049" width="9.140625" style="270" customWidth="1"/>
    <col min="2050" max="2050" width="7.42578125" style="270" customWidth="1"/>
    <col min="2051" max="2051" width="9.140625" style="270" customWidth="1"/>
    <col min="2052" max="2052" width="7.85546875" style="270" customWidth="1"/>
    <col min="2053" max="2054" width="9.140625" style="270" customWidth="1"/>
    <col min="2055" max="2055" width="7.7109375" style="270" customWidth="1"/>
    <col min="2056" max="2056" width="9.140625" style="270" customWidth="1"/>
    <col min="2057" max="2057" width="7.5703125" style="270" customWidth="1"/>
    <col min="2058" max="2058" width="9.140625" style="270" customWidth="1"/>
    <col min="2059" max="2060" width="7.7109375" style="270" customWidth="1"/>
    <col min="2061" max="2061" width="8" style="270" customWidth="1"/>
    <col min="2062" max="2293" width="9.140625" style="270"/>
    <col min="2294" max="2294" width="32" style="270" customWidth="1"/>
    <col min="2295" max="2295" width="9.140625" style="270"/>
    <col min="2296" max="2296" width="9.140625" style="270" customWidth="1"/>
    <col min="2297" max="2297" width="9.140625" style="270"/>
    <col min="2298" max="2298" width="9.140625" style="270" customWidth="1"/>
    <col min="2299" max="2299" width="7" style="270" customWidth="1"/>
    <col min="2300" max="2300" width="9.140625" style="270" customWidth="1"/>
    <col min="2301" max="2301" width="7.42578125" style="270" customWidth="1"/>
    <col min="2302" max="2302" width="9.140625" style="270" customWidth="1"/>
    <col min="2303" max="2303" width="7.42578125" style="270" customWidth="1"/>
    <col min="2304" max="2305" width="9.140625" style="270" customWidth="1"/>
    <col min="2306" max="2306" width="7.42578125" style="270" customWidth="1"/>
    <col min="2307" max="2307" width="9.140625" style="270" customWidth="1"/>
    <col min="2308" max="2308" width="7.85546875" style="270" customWidth="1"/>
    <col min="2309" max="2310" width="9.140625" style="270" customWidth="1"/>
    <col min="2311" max="2311" width="7.7109375" style="270" customWidth="1"/>
    <col min="2312" max="2312" width="9.140625" style="270" customWidth="1"/>
    <col min="2313" max="2313" width="7.5703125" style="270" customWidth="1"/>
    <col min="2314" max="2314" width="9.140625" style="270" customWidth="1"/>
    <col min="2315" max="2316" width="7.7109375" style="270" customWidth="1"/>
    <col min="2317" max="2317" width="8" style="270" customWidth="1"/>
    <col min="2318" max="2549" width="9.140625" style="270"/>
    <col min="2550" max="2550" width="32" style="270" customWidth="1"/>
    <col min="2551" max="2551" width="9.140625" style="270"/>
    <col min="2552" max="2552" width="9.140625" style="270" customWidth="1"/>
    <col min="2553" max="2553" width="9.140625" style="270"/>
    <col min="2554" max="2554" width="9.140625" style="270" customWidth="1"/>
    <col min="2555" max="2555" width="7" style="270" customWidth="1"/>
    <col min="2556" max="2556" width="9.140625" style="270" customWidth="1"/>
    <col min="2557" max="2557" width="7.42578125" style="270" customWidth="1"/>
    <col min="2558" max="2558" width="9.140625" style="270" customWidth="1"/>
    <col min="2559" max="2559" width="7.42578125" style="270" customWidth="1"/>
    <col min="2560" max="2561" width="9.140625" style="270" customWidth="1"/>
    <col min="2562" max="2562" width="7.42578125" style="270" customWidth="1"/>
    <col min="2563" max="2563" width="9.140625" style="270" customWidth="1"/>
    <col min="2564" max="2564" width="7.85546875" style="270" customWidth="1"/>
    <col min="2565" max="2566" width="9.140625" style="270" customWidth="1"/>
    <col min="2567" max="2567" width="7.7109375" style="270" customWidth="1"/>
    <col min="2568" max="2568" width="9.140625" style="270" customWidth="1"/>
    <col min="2569" max="2569" width="7.5703125" style="270" customWidth="1"/>
    <col min="2570" max="2570" width="9.140625" style="270" customWidth="1"/>
    <col min="2571" max="2572" width="7.7109375" style="270" customWidth="1"/>
    <col min="2573" max="2573" width="8" style="270" customWidth="1"/>
    <col min="2574" max="2805" width="9.140625" style="270"/>
    <col min="2806" max="2806" width="32" style="270" customWidth="1"/>
    <col min="2807" max="2807" width="9.140625" style="270"/>
    <col min="2808" max="2808" width="9.140625" style="270" customWidth="1"/>
    <col min="2809" max="2809" width="9.140625" style="270"/>
    <col min="2810" max="2810" width="9.140625" style="270" customWidth="1"/>
    <col min="2811" max="2811" width="7" style="270" customWidth="1"/>
    <col min="2812" max="2812" width="9.140625" style="270" customWidth="1"/>
    <col min="2813" max="2813" width="7.42578125" style="270" customWidth="1"/>
    <col min="2814" max="2814" width="9.140625" style="270" customWidth="1"/>
    <col min="2815" max="2815" width="7.42578125" style="270" customWidth="1"/>
    <col min="2816" max="2817" width="9.140625" style="270" customWidth="1"/>
    <col min="2818" max="2818" width="7.42578125" style="270" customWidth="1"/>
    <col min="2819" max="2819" width="9.140625" style="270" customWidth="1"/>
    <col min="2820" max="2820" width="7.85546875" style="270" customWidth="1"/>
    <col min="2821" max="2822" width="9.140625" style="270" customWidth="1"/>
    <col min="2823" max="2823" width="7.7109375" style="270" customWidth="1"/>
    <col min="2824" max="2824" width="9.140625" style="270" customWidth="1"/>
    <col min="2825" max="2825" width="7.5703125" style="270" customWidth="1"/>
    <col min="2826" max="2826" width="9.140625" style="270" customWidth="1"/>
    <col min="2827" max="2828" width="7.7109375" style="270" customWidth="1"/>
    <col min="2829" max="2829" width="8" style="270" customWidth="1"/>
    <col min="2830" max="3061" width="9.140625" style="270"/>
    <col min="3062" max="3062" width="32" style="270" customWidth="1"/>
    <col min="3063" max="3063" width="9.140625" style="270"/>
    <col min="3064" max="3064" width="9.140625" style="270" customWidth="1"/>
    <col min="3065" max="3065" width="9.140625" style="270"/>
    <col min="3066" max="3066" width="9.140625" style="270" customWidth="1"/>
    <col min="3067" max="3067" width="7" style="270" customWidth="1"/>
    <col min="3068" max="3068" width="9.140625" style="270" customWidth="1"/>
    <col min="3069" max="3069" width="7.42578125" style="270" customWidth="1"/>
    <col min="3070" max="3070" width="9.140625" style="270" customWidth="1"/>
    <col min="3071" max="3071" width="7.42578125" style="270" customWidth="1"/>
    <col min="3072" max="3073" width="9.140625" style="270" customWidth="1"/>
    <col min="3074" max="3074" width="7.42578125" style="270" customWidth="1"/>
    <col min="3075" max="3075" width="9.140625" style="270" customWidth="1"/>
    <col min="3076" max="3076" width="7.85546875" style="270" customWidth="1"/>
    <col min="3077" max="3078" width="9.140625" style="270" customWidth="1"/>
    <col min="3079" max="3079" width="7.7109375" style="270" customWidth="1"/>
    <col min="3080" max="3080" width="9.140625" style="270" customWidth="1"/>
    <col min="3081" max="3081" width="7.5703125" style="270" customWidth="1"/>
    <col min="3082" max="3082" width="9.140625" style="270" customWidth="1"/>
    <col min="3083" max="3084" width="7.7109375" style="270" customWidth="1"/>
    <col min="3085" max="3085" width="8" style="270" customWidth="1"/>
    <col min="3086" max="3317" width="9.140625" style="270"/>
    <col min="3318" max="3318" width="32" style="270" customWidth="1"/>
    <col min="3319" max="3319" width="9.140625" style="270"/>
    <col min="3320" max="3320" width="9.140625" style="270" customWidth="1"/>
    <col min="3321" max="3321" width="9.140625" style="270"/>
    <col min="3322" max="3322" width="9.140625" style="270" customWidth="1"/>
    <col min="3323" max="3323" width="7" style="270" customWidth="1"/>
    <col min="3324" max="3324" width="9.140625" style="270" customWidth="1"/>
    <col min="3325" max="3325" width="7.42578125" style="270" customWidth="1"/>
    <col min="3326" max="3326" width="9.140625" style="270" customWidth="1"/>
    <col min="3327" max="3327" width="7.42578125" style="270" customWidth="1"/>
    <col min="3328" max="3329" width="9.140625" style="270" customWidth="1"/>
    <col min="3330" max="3330" width="7.42578125" style="270" customWidth="1"/>
    <col min="3331" max="3331" width="9.140625" style="270" customWidth="1"/>
    <col min="3332" max="3332" width="7.85546875" style="270" customWidth="1"/>
    <col min="3333" max="3334" width="9.140625" style="270" customWidth="1"/>
    <col min="3335" max="3335" width="7.7109375" style="270" customWidth="1"/>
    <col min="3336" max="3336" width="9.140625" style="270" customWidth="1"/>
    <col min="3337" max="3337" width="7.5703125" style="270" customWidth="1"/>
    <col min="3338" max="3338" width="9.140625" style="270" customWidth="1"/>
    <col min="3339" max="3340" width="7.7109375" style="270" customWidth="1"/>
    <col min="3341" max="3341" width="8" style="270" customWidth="1"/>
    <col min="3342" max="3573" width="9.140625" style="270"/>
    <col min="3574" max="3574" width="32" style="270" customWidth="1"/>
    <col min="3575" max="3575" width="9.140625" style="270"/>
    <col min="3576" max="3576" width="9.140625" style="270" customWidth="1"/>
    <col min="3577" max="3577" width="9.140625" style="270"/>
    <col min="3578" max="3578" width="9.140625" style="270" customWidth="1"/>
    <col min="3579" max="3579" width="7" style="270" customWidth="1"/>
    <col min="3580" max="3580" width="9.140625" style="270" customWidth="1"/>
    <col min="3581" max="3581" width="7.42578125" style="270" customWidth="1"/>
    <col min="3582" max="3582" width="9.140625" style="270" customWidth="1"/>
    <col min="3583" max="3583" width="7.42578125" style="270" customWidth="1"/>
    <col min="3584" max="3585" width="9.140625" style="270" customWidth="1"/>
    <col min="3586" max="3586" width="7.42578125" style="270" customWidth="1"/>
    <col min="3587" max="3587" width="9.140625" style="270" customWidth="1"/>
    <col min="3588" max="3588" width="7.85546875" style="270" customWidth="1"/>
    <col min="3589" max="3590" width="9.140625" style="270" customWidth="1"/>
    <col min="3591" max="3591" width="7.7109375" style="270" customWidth="1"/>
    <col min="3592" max="3592" width="9.140625" style="270" customWidth="1"/>
    <col min="3593" max="3593" width="7.5703125" style="270" customWidth="1"/>
    <col min="3594" max="3594" width="9.140625" style="270" customWidth="1"/>
    <col min="3595" max="3596" width="7.7109375" style="270" customWidth="1"/>
    <col min="3597" max="3597" width="8" style="270" customWidth="1"/>
    <col min="3598" max="3829" width="9.140625" style="270"/>
    <col min="3830" max="3830" width="32" style="270" customWidth="1"/>
    <col min="3831" max="3831" width="9.140625" style="270"/>
    <col min="3832" max="3832" width="9.140625" style="270" customWidth="1"/>
    <col min="3833" max="3833" width="9.140625" style="270"/>
    <col min="3834" max="3834" width="9.140625" style="270" customWidth="1"/>
    <col min="3835" max="3835" width="7" style="270" customWidth="1"/>
    <col min="3836" max="3836" width="9.140625" style="270" customWidth="1"/>
    <col min="3837" max="3837" width="7.42578125" style="270" customWidth="1"/>
    <col min="3838" max="3838" width="9.140625" style="270" customWidth="1"/>
    <col min="3839" max="3839" width="7.42578125" style="270" customWidth="1"/>
    <col min="3840" max="3841" width="9.140625" style="270" customWidth="1"/>
    <col min="3842" max="3842" width="7.42578125" style="270" customWidth="1"/>
    <col min="3843" max="3843" width="9.140625" style="270" customWidth="1"/>
    <col min="3844" max="3844" width="7.85546875" style="270" customWidth="1"/>
    <col min="3845" max="3846" width="9.140625" style="270" customWidth="1"/>
    <col min="3847" max="3847" width="7.7109375" style="270" customWidth="1"/>
    <col min="3848" max="3848" width="9.140625" style="270" customWidth="1"/>
    <col min="3849" max="3849" width="7.5703125" style="270" customWidth="1"/>
    <col min="3850" max="3850" width="9.140625" style="270" customWidth="1"/>
    <col min="3851" max="3852" width="7.7109375" style="270" customWidth="1"/>
    <col min="3853" max="3853" width="8" style="270" customWidth="1"/>
    <col min="3854" max="4085" width="9.140625" style="270"/>
    <col min="4086" max="4086" width="32" style="270" customWidth="1"/>
    <col min="4087" max="4087" width="9.140625" style="270"/>
    <col min="4088" max="4088" width="9.140625" style="270" customWidth="1"/>
    <col min="4089" max="4089" width="9.140625" style="270"/>
    <col min="4090" max="4090" width="9.140625" style="270" customWidth="1"/>
    <col min="4091" max="4091" width="7" style="270" customWidth="1"/>
    <col min="4092" max="4092" width="9.140625" style="270" customWidth="1"/>
    <col min="4093" max="4093" width="7.42578125" style="270" customWidth="1"/>
    <col min="4094" max="4094" width="9.140625" style="270" customWidth="1"/>
    <col min="4095" max="4095" width="7.42578125" style="270" customWidth="1"/>
    <col min="4096" max="4097" width="9.140625" style="270" customWidth="1"/>
    <col min="4098" max="4098" width="7.42578125" style="270" customWidth="1"/>
    <col min="4099" max="4099" width="9.140625" style="270" customWidth="1"/>
    <col min="4100" max="4100" width="7.85546875" style="270" customWidth="1"/>
    <col min="4101" max="4102" width="9.140625" style="270" customWidth="1"/>
    <col min="4103" max="4103" width="7.7109375" style="270" customWidth="1"/>
    <col min="4104" max="4104" width="9.140625" style="270" customWidth="1"/>
    <col min="4105" max="4105" width="7.5703125" style="270" customWidth="1"/>
    <col min="4106" max="4106" width="9.140625" style="270" customWidth="1"/>
    <col min="4107" max="4108" width="7.7109375" style="270" customWidth="1"/>
    <col min="4109" max="4109" width="8" style="270" customWidth="1"/>
    <col min="4110" max="4341" width="9.140625" style="270"/>
    <col min="4342" max="4342" width="32" style="270" customWidth="1"/>
    <col min="4343" max="4343" width="9.140625" style="270"/>
    <col min="4344" max="4344" width="9.140625" style="270" customWidth="1"/>
    <col min="4345" max="4345" width="9.140625" style="270"/>
    <col min="4346" max="4346" width="9.140625" style="270" customWidth="1"/>
    <col min="4347" max="4347" width="7" style="270" customWidth="1"/>
    <col min="4348" max="4348" width="9.140625" style="270" customWidth="1"/>
    <col min="4349" max="4349" width="7.42578125" style="270" customWidth="1"/>
    <col min="4350" max="4350" width="9.140625" style="270" customWidth="1"/>
    <col min="4351" max="4351" width="7.42578125" style="270" customWidth="1"/>
    <col min="4352" max="4353" width="9.140625" style="270" customWidth="1"/>
    <col min="4354" max="4354" width="7.42578125" style="270" customWidth="1"/>
    <col min="4355" max="4355" width="9.140625" style="270" customWidth="1"/>
    <col min="4356" max="4356" width="7.85546875" style="270" customWidth="1"/>
    <col min="4357" max="4358" width="9.140625" style="270" customWidth="1"/>
    <col min="4359" max="4359" width="7.7109375" style="270" customWidth="1"/>
    <col min="4360" max="4360" width="9.140625" style="270" customWidth="1"/>
    <col min="4361" max="4361" width="7.5703125" style="270" customWidth="1"/>
    <col min="4362" max="4362" width="9.140625" style="270" customWidth="1"/>
    <col min="4363" max="4364" width="7.7109375" style="270" customWidth="1"/>
    <col min="4365" max="4365" width="8" style="270" customWidth="1"/>
    <col min="4366" max="4597" width="9.140625" style="270"/>
    <col min="4598" max="4598" width="32" style="270" customWidth="1"/>
    <col min="4599" max="4599" width="9.140625" style="270"/>
    <col min="4600" max="4600" width="9.140625" style="270" customWidth="1"/>
    <col min="4601" max="4601" width="9.140625" style="270"/>
    <col min="4602" max="4602" width="9.140625" style="270" customWidth="1"/>
    <col min="4603" max="4603" width="7" style="270" customWidth="1"/>
    <col min="4604" max="4604" width="9.140625" style="270" customWidth="1"/>
    <col min="4605" max="4605" width="7.42578125" style="270" customWidth="1"/>
    <col min="4606" max="4606" width="9.140625" style="270" customWidth="1"/>
    <col min="4607" max="4607" width="7.42578125" style="270" customWidth="1"/>
    <col min="4608" max="4609" width="9.140625" style="270" customWidth="1"/>
    <col min="4610" max="4610" width="7.42578125" style="270" customWidth="1"/>
    <col min="4611" max="4611" width="9.140625" style="270" customWidth="1"/>
    <col min="4612" max="4612" width="7.85546875" style="270" customWidth="1"/>
    <col min="4613" max="4614" width="9.140625" style="270" customWidth="1"/>
    <col min="4615" max="4615" width="7.7109375" style="270" customWidth="1"/>
    <col min="4616" max="4616" width="9.140625" style="270" customWidth="1"/>
    <col min="4617" max="4617" width="7.5703125" style="270" customWidth="1"/>
    <col min="4618" max="4618" width="9.140625" style="270" customWidth="1"/>
    <col min="4619" max="4620" width="7.7109375" style="270" customWidth="1"/>
    <col min="4621" max="4621" width="8" style="270" customWidth="1"/>
    <col min="4622" max="4853" width="9.140625" style="270"/>
    <col min="4854" max="4854" width="32" style="270" customWidth="1"/>
    <col min="4855" max="4855" width="9.140625" style="270"/>
    <col min="4856" max="4856" width="9.140625" style="270" customWidth="1"/>
    <col min="4857" max="4857" width="9.140625" style="270"/>
    <col min="4858" max="4858" width="9.140625" style="270" customWidth="1"/>
    <col min="4859" max="4859" width="7" style="270" customWidth="1"/>
    <col min="4860" max="4860" width="9.140625" style="270" customWidth="1"/>
    <col min="4861" max="4861" width="7.42578125" style="270" customWidth="1"/>
    <col min="4862" max="4862" width="9.140625" style="270" customWidth="1"/>
    <col min="4863" max="4863" width="7.42578125" style="270" customWidth="1"/>
    <col min="4864" max="4865" width="9.140625" style="270" customWidth="1"/>
    <col min="4866" max="4866" width="7.42578125" style="270" customWidth="1"/>
    <col min="4867" max="4867" width="9.140625" style="270" customWidth="1"/>
    <col min="4868" max="4868" width="7.85546875" style="270" customWidth="1"/>
    <col min="4869" max="4870" width="9.140625" style="270" customWidth="1"/>
    <col min="4871" max="4871" width="7.7109375" style="270" customWidth="1"/>
    <col min="4872" max="4872" width="9.140625" style="270" customWidth="1"/>
    <col min="4873" max="4873" width="7.5703125" style="270" customWidth="1"/>
    <col min="4874" max="4874" width="9.140625" style="270" customWidth="1"/>
    <col min="4875" max="4876" width="7.7109375" style="270" customWidth="1"/>
    <col min="4877" max="4877" width="8" style="270" customWidth="1"/>
    <col min="4878" max="5109" width="9.140625" style="270"/>
    <col min="5110" max="5110" width="32" style="270" customWidth="1"/>
    <col min="5111" max="5111" width="9.140625" style="270"/>
    <col min="5112" max="5112" width="9.140625" style="270" customWidth="1"/>
    <col min="5113" max="5113" width="9.140625" style="270"/>
    <col min="5114" max="5114" width="9.140625" style="270" customWidth="1"/>
    <col min="5115" max="5115" width="7" style="270" customWidth="1"/>
    <col min="5116" max="5116" width="9.140625" style="270" customWidth="1"/>
    <col min="5117" max="5117" width="7.42578125" style="270" customWidth="1"/>
    <col min="5118" max="5118" width="9.140625" style="270" customWidth="1"/>
    <col min="5119" max="5119" width="7.42578125" style="270" customWidth="1"/>
    <col min="5120" max="5121" width="9.140625" style="270" customWidth="1"/>
    <col min="5122" max="5122" width="7.42578125" style="270" customWidth="1"/>
    <col min="5123" max="5123" width="9.140625" style="270" customWidth="1"/>
    <col min="5124" max="5124" width="7.85546875" style="270" customWidth="1"/>
    <col min="5125" max="5126" width="9.140625" style="270" customWidth="1"/>
    <col min="5127" max="5127" width="7.7109375" style="270" customWidth="1"/>
    <col min="5128" max="5128" width="9.140625" style="270" customWidth="1"/>
    <col min="5129" max="5129" width="7.5703125" style="270" customWidth="1"/>
    <col min="5130" max="5130" width="9.140625" style="270" customWidth="1"/>
    <col min="5131" max="5132" width="7.7109375" style="270" customWidth="1"/>
    <col min="5133" max="5133" width="8" style="270" customWidth="1"/>
    <col min="5134" max="5365" width="9.140625" style="270"/>
    <col min="5366" max="5366" width="32" style="270" customWidth="1"/>
    <col min="5367" max="5367" width="9.140625" style="270"/>
    <col min="5368" max="5368" width="9.140625" style="270" customWidth="1"/>
    <col min="5369" max="5369" width="9.140625" style="270"/>
    <col min="5370" max="5370" width="9.140625" style="270" customWidth="1"/>
    <col min="5371" max="5371" width="7" style="270" customWidth="1"/>
    <col min="5372" max="5372" width="9.140625" style="270" customWidth="1"/>
    <col min="5373" max="5373" width="7.42578125" style="270" customWidth="1"/>
    <col min="5374" max="5374" width="9.140625" style="270" customWidth="1"/>
    <col min="5375" max="5375" width="7.42578125" style="270" customWidth="1"/>
    <col min="5376" max="5377" width="9.140625" style="270" customWidth="1"/>
    <col min="5378" max="5378" width="7.42578125" style="270" customWidth="1"/>
    <col min="5379" max="5379" width="9.140625" style="270" customWidth="1"/>
    <col min="5380" max="5380" width="7.85546875" style="270" customWidth="1"/>
    <col min="5381" max="5382" width="9.140625" style="270" customWidth="1"/>
    <col min="5383" max="5383" width="7.7109375" style="270" customWidth="1"/>
    <col min="5384" max="5384" width="9.140625" style="270" customWidth="1"/>
    <col min="5385" max="5385" width="7.5703125" style="270" customWidth="1"/>
    <col min="5386" max="5386" width="9.140625" style="270" customWidth="1"/>
    <col min="5387" max="5388" width="7.7109375" style="270" customWidth="1"/>
    <col min="5389" max="5389" width="8" style="270" customWidth="1"/>
    <col min="5390" max="5621" width="9.140625" style="270"/>
    <col min="5622" max="5622" width="32" style="270" customWidth="1"/>
    <col min="5623" max="5623" width="9.140625" style="270"/>
    <col min="5624" max="5624" width="9.140625" style="270" customWidth="1"/>
    <col min="5625" max="5625" width="9.140625" style="270"/>
    <col min="5626" max="5626" width="9.140625" style="270" customWidth="1"/>
    <col min="5627" max="5627" width="7" style="270" customWidth="1"/>
    <col min="5628" max="5628" width="9.140625" style="270" customWidth="1"/>
    <col min="5629" max="5629" width="7.42578125" style="270" customWidth="1"/>
    <col min="5630" max="5630" width="9.140625" style="270" customWidth="1"/>
    <col min="5631" max="5631" width="7.42578125" style="270" customWidth="1"/>
    <col min="5632" max="5633" width="9.140625" style="270" customWidth="1"/>
    <col min="5634" max="5634" width="7.42578125" style="270" customWidth="1"/>
    <col min="5635" max="5635" width="9.140625" style="270" customWidth="1"/>
    <col min="5636" max="5636" width="7.85546875" style="270" customWidth="1"/>
    <col min="5637" max="5638" width="9.140625" style="270" customWidth="1"/>
    <col min="5639" max="5639" width="7.7109375" style="270" customWidth="1"/>
    <col min="5640" max="5640" width="9.140625" style="270" customWidth="1"/>
    <col min="5641" max="5641" width="7.5703125" style="270" customWidth="1"/>
    <col min="5642" max="5642" width="9.140625" style="270" customWidth="1"/>
    <col min="5643" max="5644" width="7.7109375" style="270" customWidth="1"/>
    <col min="5645" max="5645" width="8" style="270" customWidth="1"/>
    <col min="5646" max="5877" width="9.140625" style="270"/>
    <col min="5878" max="5878" width="32" style="270" customWidth="1"/>
    <col min="5879" max="5879" width="9.140625" style="270"/>
    <col min="5880" max="5880" width="9.140625" style="270" customWidth="1"/>
    <col min="5881" max="5881" width="9.140625" style="270"/>
    <col min="5882" max="5882" width="9.140625" style="270" customWidth="1"/>
    <col min="5883" max="5883" width="7" style="270" customWidth="1"/>
    <col min="5884" max="5884" width="9.140625" style="270" customWidth="1"/>
    <col min="5885" max="5885" width="7.42578125" style="270" customWidth="1"/>
    <col min="5886" max="5886" width="9.140625" style="270" customWidth="1"/>
    <col min="5887" max="5887" width="7.42578125" style="270" customWidth="1"/>
    <col min="5888" max="5889" width="9.140625" style="270" customWidth="1"/>
    <col min="5890" max="5890" width="7.42578125" style="270" customWidth="1"/>
    <col min="5891" max="5891" width="9.140625" style="270" customWidth="1"/>
    <col min="5892" max="5892" width="7.85546875" style="270" customWidth="1"/>
    <col min="5893" max="5894" width="9.140625" style="270" customWidth="1"/>
    <col min="5895" max="5895" width="7.7109375" style="270" customWidth="1"/>
    <col min="5896" max="5896" width="9.140625" style="270" customWidth="1"/>
    <col min="5897" max="5897" width="7.5703125" style="270" customWidth="1"/>
    <col min="5898" max="5898" width="9.140625" style="270" customWidth="1"/>
    <col min="5899" max="5900" width="7.7109375" style="270" customWidth="1"/>
    <col min="5901" max="5901" width="8" style="270" customWidth="1"/>
    <col min="5902" max="6133" width="9.140625" style="270"/>
    <col min="6134" max="6134" width="32" style="270" customWidth="1"/>
    <col min="6135" max="6135" width="9.140625" style="270"/>
    <col min="6136" max="6136" width="9.140625" style="270" customWidth="1"/>
    <col min="6137" max="6137" width="9.140625" style="270"/>
    <col min="6138" max="6138" width="9.140625" style="270" customWidth="1"/>
    <col min="6139" max="6139" width="7" style="270" customWidth="1"/>
    <col min="6140" max="6140" width="9.140625" style="270" customWidth="1"/>
    <col min="6141" max="6141" width="7.42578125" style="270" customWidth="1"/>
    <col min="6142" max="6142" width="9.140625" style="270" customWidth="1"/>
    <col min="6143" max="6143" width="7.42578125" style="270" customWidth="1"/>
    <col min="6144" max="6145" width="9.140625" style="270" customWidth="1"/>
    <col min="6146" max="6146" width="7.42578125" style="270" customWidth="1"/>
    <col min="6147" max="6147" width="9.140625" style="270" customWidth="1"/>
    <col min="6148" max="6148" width="7.85546875" style="270" customWidth="1"/>
    <col min="6149" max="6150" width="9.140625" style="270" customWidth="1"/>
    <col min="6151" max="6151" width="7.7109375" style="270" customWidth="1"/>
    <col min="6152" max="6152" width="9.140625" style="270" customWidth="1"/>
    <col min="6153" max="6153" width="7.5703125" style="270" customWidth="1"/>
    <col min="6154" max="6154" width="9.140625" style="270" customWidth="1"/>
    <col min="6155" max="6156" width="7.7109375" style="270" customWidth="1"/>
    <col min="6157" max="6157" width="8" style="270" customWidth="1"/>
    <col min="6158" max="6389" width="9.140625" style="270"/>
    <col min="6390" max="6390" width="32" style="270" customWidth="1"/>
    <col min="6391" max="6391" width="9.140625" style="270"/>
    <col min="6392" max="6392" width="9.140625" style="270" customWidth="1"/>
    <col min="6393" max="6393" width="9.140625" style="270"/>
    <col min="6394" max="6394" width="9.140625" style="270" customWidth="1"/>
    <col min="6395" max="6395" width="7" style="270" customWidth="1"/>
    <col min="6396" max="6396" width="9.140625" style="270" customWidth="1"/>
    <col min="6397" max="6397" width="7.42578125" style="270" customWidth="1"/>
    <col min="6398" max="6398" width="9.140625" style="270" customWidth="1"/>
    <col min="6399" max="6399" width="7.42578125" style="270" customWidth="1"/>
    <col min="6400" max="6401" width="9.140625" style="270" customWidth="1"/>
    <col min="6402" max="6402" width="7.42578125" style="270" customWidth="1"/>
    <col min="6403" max="6403" width="9.140625" style="270" customWidth="1"/>
    <col min="6404" max="6404" width="7.85546875" style="270" customWidth="1"/>
    <col min="6405" max="6406" width="9.140625" style="270" customWidth="1"/>
    <col min="6407" max="6407" width="7.7109375" style="270" customWidth="1"/>
    <col min="6408" max="6408" width="9.140625" style="270" customWidth="1"/>
    <col min="6409" max="6409" width="7.5703125" style="270" customWidth="1"/>
    <col min="6410" max="6410" width="9.140625" style="270" customWidth="1"/>
    <col min="6411" max="6412" width="7.7109375" style="270" customWidth="1"/>
    <col min="6413" max="6413" width="8" style="270" customWidth="1"/>
    <col min="6414" max="6645" width="9.140625" style="270"/>
    <col min="6646" max="6646" width="32" style="270" customWidth="1"/>
    <col min="6647" max="6647" width="9.140625" style="270"/>
    <col min="6648" max="6648" width="9.140625" style="270" customWidth="1"/>
    <col min="6649" max="6649" width="9.140625" style="270"/>
    <col min="6650" max="6650" width="9.140625" style="270" customWidth="1"/>
    <col min="6651" max="6651" width="7" style="270" customWidth="1"/>
    <col min="6652" max="6652" width="9.140625" style="270" customWidth="1"/>
    <col min="6653" max="6653" width="7.42578125" style="270" customWidth="1"/>
    <col min="6654" max="6654" width="9.140625" style="270" customWidth="1"/>
    <col min="6655" max="6655" width="7.42578125" style="270" customWidth="1"/>
    <col min="6656" max="6657" width="9.140625" style="270" customWidth="1"/>
    <col min="6658" max="6658" width="7.42578125" style="270" customWidth="1"/>
    <col min="6659" max="6659" width="9.140625" style="270" customWidth="1"/>
    <col min="6660" max="6660" width="7.85546875" style="270" customWidth="1"/>
    <col min="6661" max="6662" width="9.140625" style="270" customWidth="1"/>
    <col min="6663" max="6663" width="7.7109375" style="270" customWidth="1"/>
    <col min="6664" max="6664" width="9.140625" style="270" customWidth="1"/>
    <col min="6665" max="6665" width="7.5703125" style="270" customWidth="1"/>
    <col min="6666" max="6666" width="9.140625" style="270" customWidth="1"/>
    <col min="6667" max="6668" width="7.7109375" style="270" customWidth="1"/>
    <col min="6669" max="6669" width="8" style="270" customWidth="1"/>
    <col min="6670" max="6901" width="9.140625" style="270"/>
    <col min="6902" max="6902" width="32" style="270" customWidth="1"/>
    <col min="6903" max="6903" width="9.140625" style="270"/>
    <col min="6904" max="6904" width="9.140625" style="270" customWidth="1"/>
    <col min="6905" max="6905" width="9.140625" style="270"/>
    <col min="6906" max="6906" width="9.140625" style="270" customWidth="1"/>
    <col min="6907" max="6907" width="7" style="270" customWidth="1"/>
    <col min="6908" max="6908" width="9.140625" style="270" customWidth="1"/>
    <col min="6909" max="6909" width="7.42578125" style="270" customWidth="1"/>
    <col min="6910" max="6910" width="9.140625" style="270" customWidth="1"/>
    <col min="6911" max="6911" width="7.42578125" style="270" customWidth="1"/>
    <col min="6912" max="6913" width="9.140625" style="270" customWidth="1"/>
    <col min="6914" max="6914" width="7.42578125" style="270" customWidth="1"/>
    <col min="6915" max="6915" width="9.140625" style="270" customWidth="1"/>
    <col min="6916" max="6916" width="7.85546875" style="270" customWidth="1"/>
    <col min="6917" max="6918" width="9.140625" style="270" customWidth="1"/>
    <col min="6919" max="6919" width="7.7109375" style="270" customWidth="1"/>
    <col min="6920" max="6920" width="9.140625" style="270" customWidth="1"/>
    <col min="6921" max="6921" width="7.5703125" style="270" customWidth="1"/>
    <col min="6922" max="6922" width="9.140625" style="270" customWidth="1"/>
    <col min="6923" max="6924" width="7.7109375" style="270" customWidth="1"/>
    <col min="6925" max="6925" width="8" style="270" customWidth="1"/>
    <col min="6926" max="7157" width="9.140625" style="270"/>
    <col min="7158" max="7158" width="32" style="270" customWidth="1"/>
    <col min="7159" max="7159" width="9.140625" style="270"/>
    <col min="7160" max="7160" width="9.140625" style="270" customWidth="1"/>
    <col min="7161" max="7161" width="9.140625" style="270"/>
    <col min="7162" max="7162" width="9.140625" style="270" customWidth="1"/>
    <col min="7163" max="7163" width="7" style="270" customWidth="1"/>
    <col min="7164" max="7164" width="9.140625" style="270" customWidth="1"/>
    <col min="7165" max="7165" width="7.42578125" style="270" customWidth="1"/>
    <col min="7166" max="7166" width="9.140625" style="270" customWidth="1"/>
    <col min="7167" max="7167" width="7.42578125" style="270" customWidth="1"/>
    <col min="7168" max="7169" width="9.140625" style="270" customWidth="1"/>
    <col min="7170" max="7170" width="7.42578125" style="270" customWidth="1"/>
    <col min="7171" max="7171" width="9.140625" style="270" customWidth="1"/>
    <col min="7172" max="7172" width="7.85546875" style="270" customWidth="1"/>
    <col min="7173" max="7174" width="9.140625" style="270" customWidth="1"/>
    <col min="7175" max="7175" width="7.7109375" style="270" customWidth="1"/>
    <col min="7176" max="7176" width="9.140625" style="270" customWidth="1"/>
    <col min="7177" max="7177" width="7.5703125" style="270" customWidth="1"/>
    <col min="7178" max="7178" width="9.140625" style="270" customWidth="1"/>
    <col min="7179" max="7180" width="7.7109375" style="270" customWidth="1"/>
    <col min="7181" max="7181" width="8" style="270" customWidth="1"/>
    <col min="7182" max="7413" width="9.140625" style="270"/>
    <col min="7414" max="7414" width="32" style="270" customWidth="1"/>
    <col min="7415" max="7415" width="9.140625" style="270"/>
    <col min="7416" max="7416" width="9.140625" style="270" customWidth="1"/>
    <col min="7417" max="7417" width="9.140625" style="270"/>
    <col min="7418" max="7418" width="9.140625" style="270" customWidth="1"/>
    <col min="7419" max="7419" width="7" style="270" customWidth="1"/>
    <col min="7420" max="7420" width="9.140625" style="270" customWidth="1"/>
    <col min="7421" max="7421" width="7.42578125" style="270" customWidth="1"/>
    <col min="7422" max="7422" width="9.140625" style="270" customWidth="1"/>
    <col min="7423" max="7423" width="7.42578125" style="270" customWidth="1"/>
    <col min="7424" max="7425" width="9.140625" style="270" customWidth="1"/>
    <col min="7426" max="7426" width="7.42578125" style="270" customWidth="1"/>
    <col min="7427" max="7427" width="9.140625" style="270" customWidth="1"/>
    <col min="7428" max="7428" width="7.85546875" style="270" customWidth="1"/>
    <col min="7429" max="7430" width="9.140625" style="270" customWidth="1"/>
    <col min="7431" max="7431" width="7.7109375" style="270" customWidth="1"/>
    <col min="7432" max="7432" width="9.140625" style="270" customWidth="1"/>
    <col min="7433" max="7433" width="7.5703125" style="270" customWidth="1"/>
    <col min="7434" max="7434" width="9.140625" style="270" customWidth="1"/>
    <col min="7435" max="7436" width="7.7109375" style="270" customWidth="1"/>
    <col min="7437" max="7437" width="8" style="270" customWidth="1"/>
    <col min="7438" max="7669" width="9.140625" style="270"/>
    <col min="7670" max="7670" width="32" style="270" customWidth="1"/>
    <col min="7671" max="7671" width="9.140625" style="270"/>
    <col min="7672" max="7672" width="9.140625" style="270" customWidth="1"/>
    <col min="7673" max="7673" width="9.140625" style="270"/>
    <col min="7674" max="7674" width="9.140625" style="270" customWidth="1"/>
    <col min="7675" max="7675" width="7" style="270" customWidth="1"/>
    <col min="7676" max="7676" width="9.140625" style="270" customWidth="1"/>
    <col min="7677" max="7677" width="7.42578125" style="270" customWidth="1"/>
    <col min="7678" max="7678" width="9.140625" style="270" customWidth="1"/>
    <col min="7679" max="7679" width="7.42578125" style="270" customWidth="1"/>
    <col min="7680" max="7681" width="9.140625" style="270" customWidth="1"/>
    <col min="7682" max="7682" width="7.42578125" style="270" customWidth="1"/>
    <col min="7683" max="7683" width="9.140625" style="270" customWidth="1"/>
    <col min="7684" max="7684" width="7.85546875" style="270" customWidth="1"/>
    <col min="7685" max="7686" width="9.140625" style="270" customWidth="1"/>
    <col min="7687" max="7687" width="7.7109375" style="270" customWidth="1"/>
    <col min="7688" max="7688" width="9.140625" style="270" customWidth="1"/>
    <col min="7689" max="7689" width="7.5703125" style="270" customWidth="1"/>
    <col min="7690" max="7690" width="9.140625" style="270" customWidth="1"/>
    <col min="7691" max="7692" width="7.7109375" style="270" customWidth="1"/>
    <col min="7693" max="7693" width="8" style="270" customWidth="1"/>
    <col min="7694" max="7925" width="9.140625" style="270"/>
    <col min="7926" max="7926" width="32" style="270" customWidth="1"/>
    <col min="7927" max="7927" width="9.140625" style="270"/>
    <col min="7928" max="7928" width="9.140625" style="270" customWidth="1"/>
    <col min="7929" max="7929" width="9.140625" style="270"/>
    <col min="7930" max="7930" width="9.140625" style="270" customWidth="1"/>
    <col min="7931" max="7931" width="7" style="270" customWidth="1"/>
    <col min="7932" max="7932" width="9.140625" style="270" customWidth="1"/>
    <col min="7933" max="7933" width="7.42578125" style="270" customWidth="1"/>
    <col min="7934" max="7934" width="9.140625" style="270" customWidth="1"/>
    <col min="7935" max="7935" width="7.42578125" style="270" customWidth="1"/>
    <col min="7936" max="7937" width="9.140625" style="270" customWidth="1"/>
    <col min="7938" max="7938" width="7.42578125" style="270" customWidth="1"/>
    <col min="7939" max="7939" width="9.140625" style="270" customWidth="1"/>
    <col min="7940" max="7940" width="7.85546875" style="270" customWidth="1"/>
    <col min="7941" max="7942" width="9.140625" style="270" customWidth="1"/>
    <col min="7943" max="7943" width="7.7109375" style="270" customWidth="1"/>
    <col min="7944" max="7944" width="9.140625" style="270" customWidth="1"/>
    <col min="7945" max="7945" width="7.5703125" style="270" customWidth="1"/>
    <col min="7946" max="7946" width="9.140625" style="270" customWidth="1"/>
    <col min="7947" max="7948" width="7.7109375" style="270" customWidth="1"/>
    <col min="7949" max="7949" width="8" style="270" customWidth="1"/>
    <col min="7950" max="8181" width="9.140625" style="270"/>
    <col min="8182" max="8182" width="32" style="270" customWidth="1"/>
    <col min="8183" max="8183" width="9.140625" style="270"/>
    <col min="8184" max="8184" width="9.140625" style="270" customWidth="1"/>
    <col min="8185" max="8185" width="9.140625" style="270"/>
    <col min="8186" max="8186" width="9.140625" style="270" customWidth="1"/>
    <col min="8187" max="8187" width="7" style="270" customWidth="1"/>
    <col min="8188" max="8188" width="9.140625" style="270" customWidth="1"/>
    <col min="8189" max="8189" width="7.42578125" style="270" customWidth="1"/>
    <col min="8190" max="8190" width="9.140625" style="270" customWidth="1"/>
    <col min="8191" max="8191" width="7.42578125" style="270" customWidth="1"/>
    <col min="8192" max="8193" width="9.140625" style="270" customWidth="1"/>
    <col min="8194" max="8194" width="7.42578125" style="270" customWidth="1"/>
    <col min="8195" max="8195" width="9.140625" style="270" customWidth="1"/>
    <col min="8196" max="8196" width="7.85546875" style="270" customWidth="1"/>
    <col min="8197" max="8198" width="9.140625" style="270" customWidth="1"/>
    <col min="8199" max="8199" width="7.7109375" style="270" customWidth="1"/>
    <col min="8200" max="8200" width="9.140625" style="270" customWidth="1"/>
    <col min="8201" max="8201" width="7.5703125" style="270" customWidth="1"/>
    <col min="8202" max="8202" width="9.140625" style="270" customWidth="1"/>
    <col min="8203" max="8204" width="7.7109375" style="270" customWidth="1"/>
    <col min="8205" max="8205" width="8" style="270" customWidth="1"/>
    <col min="8206" max="8437" width="9.140625" style="270"/>
    <col min="8438" max="8438" width="32" style="270" customWidth="1"/>
    <col min="8439" max="8439" width="9.140625" style="270"/>
    <col min="8440" max="8440" width="9.140625" style="270" customWidth="1"/>
    <col min="8441" max="8441" width="9.140625" style="270"/>
    <col min="8442" max="8442" width="9.140625" style="270" customWidth="1"/>
    <col min="8443" max="8443" width="7" style="270" customWidth="1"/>
    <col min="8444" max="8444" width="9.140625" style="270" customWidth="1"/>
    <col min="8445" max="8445" width="7.42578125" style="270" customWidth="1"/>
    <col min="8446" max="8446" width="9.140625" style="270" customWidth="1"/>
    <col min="8447" max="8447" width="7.42578125" style="270" customWidth="1"/>
    <col min="8448" max="8449" width="9.140625" style="270" customWidth="1"/>
    <col min="8450" max="8450" width="7.42578125" style="270" customWidth="1"/>
    <col min="8451" max="8451" width="9.140625" style="270" customWidth="1"/>
    <col min="8452" max="8452" width="7.85546875" style="270" customWidth="1"/>
    <col min="8453" max="8454" width="9.140625" style="270" customWidth="1"/>
    <col min="8455" max="8455" width="7.7109375" style="270" customWidth="1"/>
    <col min="8456" max="8456" width="9.140625" style="270" customWidth="1"/>
    <col min="8457" max="8457" width="7.5703125" style="270" customWidth="1"/>
    <col min="8458" max="8458" width="9.140625" style="270" customWidth="1"/>
    <col min="8459" max="8460" width="7.7109375" style="270" customWidth="1"/>
    <col min="8461" max="8461" width="8" style="270" customWidth="1"/>
    <col min="8462" max="8693" width="9.140625" style="270"/>
    <col min="8694" max="8694" width="32" style="270" customWidth="1"/>
    <col min="8695" max="8695" width="9.140625" style="270"/>
    <col min="8696" max="8696" width="9.140625" style="270" customWidth="1"/>
    <col min="8697" max="8697" width="9.140625" style="270"/>
    <col min="8698" max="8698" width="9.140625" style="270" customWidth="1"/>
    <col min="8699" max="8699" width="7" style="270" customWidth="1"/>
    <col min="8700" max="8700" width="9.140625" style="270" customWidth="1"/>
    <col min="8701" max="8701" width="7.42578125" style="270" customWidth="1"/>
    <col min="8702" max="8702" width="9.140625" style="270" customWidth="1"/>
    <col min="8703" max="8703" width="7.42578125" style="270" customWidth="1"/>
    <col min="8704" max="8705" width="9.140625" style="270" customWidth="1"/>
    <col min="8706" max="8706" width="7.42578125" style="270" customWidth="1"/>
    <col min="8707" max="8707" width="9.140625" style="270" customWidth="1"/>
    <col min="8708" max="8708" width="7.85546875" style="270" customWidth="1"/>
    <col min="8709" max="8710" width="9.140625" style="270" customWidth="1"/>
    <col min="8711" max="8711" width="7.7109375" style="270" customWidth="1"/>
    <col min="8712" max="8712" width="9.140625" style="270" customWidth="1"/>
    <col min="8713" max="8713" width="7.5703125" style="270" customWidth="1"/>
    <col min="8714" max="8714" width="9.140625" style="270" customWidth="1"/>
    <col min="8715" max="8716" width="7.7109375" style="270" customWidth="1"/>
    <col min="8717" max="8717" width="8" style="270" customWidth="1"/>
    <col min="8718" max="8949" width="9.140625" style="270"/>
    <col min="8950" max="8950" width="32" style="270" customWidth="1"/>
    <col min="8951" max="8951" width="9.140625" style="270"/>
    <col min="8952" max="8952" width="9.140625" style="270" customWidth="1"/>
    <col min="8953" max="8953" width="9.140625" style="270"/>
    <col min="8954" max="8954" width="9.140625" style="270" customWidth="1"/>
    <col min="8955" max="8955" width="7" style="270" customWidth="1"/>
    <col min="8956" max="8956" width="9.140625" style="270" customWidth="1"/>
    <col min="8957" max="8957" width="7.42578125" style="270" customWidth="1"/>
    <col min="8958" max="8958" width="9.140625" style="270" customWidth="1"/>
    <col min="8959" max="8959" width="7.42578125" style="270" customWidth="1"/>
    <col min="8960" max="8961" width="9.140625" style="270" customWidth="1"/>
    <col min="8962" max="8962" width="7.42578125" style="270" customWidth="1"/>
    <col min="8963" max="8963" width="9.140625" style="270" customWidth="1"/>
    <col min="8964" max="8964" width="7.85546875" style="270" customWidth="1"/>
    <col min="8965" max="8966" width="9.140625" style="270" customWidth="1"/>
    <col min="8967" max="8967" width="7.7109375" style="270" customWidth="1"/>
    <col min="8968" max="8968" width="9.140625" style="270" customWidth="1"/>
    <col min="8969" max="8969" width="7.5703125" style="270" customWidth="1"/>
    <col min="8970" max="8970" width="9.140625" style="270" customWidth="1"/>
    <col min="8971" max="8972" width="7.7109375" style="270" customWidth="1"/>
    <col min="8973" max="8973" width="8" style="270" customWidth="1"/>
    <col min="8974" max="9205" width="9.140625" style="270"/>
    <col min="9206" max="9206" width="32" style="270" customWidth="1"/>
    <col min="9207" max="9207" width="9.140625" style="270"/>
    <col min="9208" max="9208" width="9.140625" style="270" customWidth="1"/>
    <col min="9209" max="9209" width="9.140625" style="270"/>
    <col min="9210" max="9210" width="9.140625" style="270" customWidth="1"/>
    <col min="9211" max="9211" width="7" style="270" customWidth="1"/>
    <col min="9212" max="9212" width="9.140625" style="270" customWidth="1"/>
    <col min="9213" max="9213" width="7.42578125" style="270" customWidth="1"/>
    <col min="9214" max="9214" width="9.140625" style="270" customWidth="1"/>
    <col min="9215" max="9215" width="7.42578125" style="270" customWidth="1"/>
    <col min="9216" max="9217" width="9.140625" style="270" customWidth="1"/>
    <col min="9218" max="9218" width="7.42578125" style="270" customWidth="1"/>
    <col min="9219" max="9219" width="9.140625" style="270" customWidth="1"/>
    <col min="9220" max="9220" width="7.85546875" style="270" customWidth="1"/>
    <col min="9221" max="9222" width="9.140625" style="270" customWidth="1"/>
    <col min="9223" max="9223" width="7.7109375" style="270" customWidth="1"/>
    <col min="9224" max="9224" width="9.140625" style="270" customWidth="1"/>
    <col min="9225" max="9225" width="7.5703125" style="270" customWidth="1"/>
    <col min="9226" max="9226" width="9.140625" style="270" customWidth="1"/>
    <col min="9227" max="9228" width="7.7109375" style="270" customWidth="1"/>
    <col min="9229" max="9229" width="8" style="270" customWidth="1"/>
    <col min="9230" max="9461" width="9.140625" style="270"/>
    <col min="9462" max="9462" width="32" style="270" customWidth="1"/>
    <col min="9463" max="9463" width="9.140625" style="270"/>
    <col min="9464" max="9464" width="9.140625" style="270" customWidth="1"/>
    <col min="9465" max="9465" width="9.140625" style="270"/>
    <col min="9466" max="9466" width="9.140625" style="270" customWidth="1"/>
    <col min="9467" max="9467" width="7" style="270" customWidth="1"/>
    <col min="9468" max="9468" width="9.140625" style="270" customWidth="1"/>
    <col min="9469" max="9469" width="7.42578125" style="270" customWidth="1"/>
    <col min="9470" max="9470" width="9.140625" style="270" customWidth="1"/>
    <col min="9471" max="9471" width="7.42578125" style="270" customWidth="1"/>
    <col min="9472" max="9473" width="9.140625" style="270" customWidth="1"/>
    <col min="9474" max="9474" width="7.42578125" style="270" customWidth="1"/>
    <col min="9475" max="9475" width="9.140625" style="270" customWidth="1"/>
    <col min="9476" max="9476" width="7.85546875" style="270" customWidth="1"/>
    <col min="9477" max="9478" width="9.140625" style="270" customWidth="1"/>
    <col min="9479" max="9479" width="7.7109375" style="270" customWidth="1"/>
    <col min="9480" max="9480" width="9.140625" style="270" customWidth="1"/>
    <col min="9481" max="9481" width="7.5703125" style="270" customWidth="1"/>
    <col min="9482" max="9482" width="9.140625" style="270" customWidth="1"/>
    <col min="9483" max="9484" width="7.7109375" style="270" customWidth="1"/>
    <col min="9485" max="9485" width="8" style="270" customWidth="1"/>
    <col min="9486" max="9717" width="9.140625" style="270"/>
    <col min="9718" max="9718" width="32" style="270" customWidth="1"/>
    <col min="9719" max="9719" width="9.140625" style="270"/>
    <col min="9720" max="9720" width="9.140625" style="270" customWidth="1"/>
    <col min="9721" max="9721" width="9.140625" style="270"/>
    <col min="9722" max="9722" width="9.140625" style="270" customWidth="1"/>
    <col min="9723" max="9723" width="7" style="270" customWidth="1"/>
    <col min="9724" max="9724" width="9.140625" style="270" customWidth="1"/>
    <col min="9725" max="9725" width="7.42578125" style="270" customWidth="1"/>
    <col min="9726" max="9726" width="9.140625" style="270" customWidth="1"/>
    <col min="9727" max="9727" width="7.42578125" style="270" customWidth="1"/>
    <col min="9728" max="9729" width="9.140625" style="270" customWidth="1"/>
    <col min="9730" max="9730" width="7.42578125" style="270" customWidth="1"/>
    <col min="9731" max="9731" width="9.140625" style="270" customWidth="1"/>
    <col min="9732" max="9732" width="7.85546875" style="270" customWidth="1"/>
    <col min="9733" max="9734" width="9.140625" style="270" customWidth="1"/>
    <col min="9735" max="9735" width="7.7109375" style="270" customWidth="1"/>
    <col min="9736" max="9736" width="9.140625" style="270" customWidth="1"/>
    <col min="9737" max="9737" width="7.5703125" style="270" customWidth="1"/>
    <col min="9738" max="9738" width="9.140625" style="270" customWidth="1"/>
    <col min="9739" max="9740" width="7.7109375" style="270" customWidth="1"/>
    <col min="9741" max="9741" width="8" style="270" customWidth="1"/>
    <col min="9742" max="9973" width="9.140625" style="270"/>
    <col min="9974" max="9974" width="32" style="270" customWidth="1"/>
    <col min="9975" max="9975" width="9.140625" style="270"/>
    <col min="9976" max="9976" width="9.140625" style="270" customWidth="1"/>
    <col min="9977" max="9977" width="9.140625" style="270"/>
    <col min="9978" max="9978" width="9.140625" style="270" customWidth="1"/>
    <col min="9979" max="9979" width="7" style="270" customWidth="1"/>
    <col min="9980" max="9980" width="9.140625" style="270" customWidth="1"/>
    <col min="9981" max="9981" width="7.42578125" style="270" customWidth="1"/>
    <col min="9982" max="9982" width="9.140625" style="270" customWidth="1"/>
    <col min="9983" max="9983" width="7.42578125" style="270" customWidth="1"/>
    <col min="9984" max="9985" width="9.140625" style="270" customWidth="1"/>
    <col min="9986" max="9986" width="7.42578125" style="270" customWidth="1"/>
    <col min="9987" max="9987" width="9.140625" style="270" customWidth="1"/>
    <col min="9988" max="9988" width="7.85546875" style="270" customWidth="1"/>
    <col min="9989" max="9990" width="9.140625" style="270" customWidth="1"/>
    <col min="9991" max="9991" width="7.7109375" style="270" customWidth="1"/>
    <col min="9992" max="9992" width="9.140625" style="270" customWidth="1"/>
    <col min="9993" max="9993" width="7.5703125" style="270" customWidth="1"/>
    <col min="9994" max="9994" width="9.140625" style="270" customWidth="1"/>
    <col min="9995" max="9996" width="7.7109375" style="270" customWidth="1"/>
    <col min="9997" max="9997" width="8" style="270" customWidth="1"/>
    <col min="9998" max="10229" width="9.140625" style="270"/>
    <col min="10230" max="10230" width="32" style="270" customWidth="1"/>
    <col min="10231" max="10231" width="9.140625" style="270"/>
    <col min="10232" max="10232" width="9.140625" style="270" customWidth="1"/>
    <col min="10233" max="10233" width="9.140625" style="270"/>
    <col min="10234" max="10234" width="9.140625" style="270" customWidth="1"/>
    <col min="10235" max="10235" width="7" style="270" customWidth="1"/>
    <col min="10236" max="10236" width="9.140625" style="270" customWidth="1"/>
    <col min="10237" max="10237" width="7.42578125" style="270" customWidth="1"/>
    <col min="10238" max="10238" width="9.140625" style="270" customWidth="1"/>
    <col min="10239" max="10239" width="7.42578125" style="270" customWidth="1"/>
    <col min="10240" max="10241" width="9.140625" style="270" customWidth="1"/>
    <col min="10242" max="10242" width="7.42578125" style="270" customWidth="1"/>
    <col min="10243" max="10243" width="9.140625" style="270" customWidth="1"/>
    <col min="10244" max="10244" width="7.85546875" style="270" customWidth="1"/>
    <col min="10245" max="10246" width="9.140625" style="270" customWidth="1"/>
    <col min="10247" max="10247" width="7.7109375" style="270" customWidth="1"/>
    <col min="10248" max="10248" width="9.140625" style="270" customWidth="1"/>
    <col min="10249" max="10249" width="7.5703125" style="270" customWidth="1"/>
    <col min="10250" max="10250" width="9.140625" style="270" customWidth="1"/>
    <col min="10251" max="10252" width="7.7109375" style="270" customWidth="1"/>
    <col min="10253" max="10253" width="8" style="270" customWidth="1"/>
    <col min="10254" max="10485" width="9.140625" style="270"/>
    <col min="10486" max="10486" width="32" style="270" customWidth="1"/>
    <col min="10487" max="10487" width="9.140625" style="270"/>
    <col min="10488" max="10488" width="9.140625" style="270" customWidth="1"/>
    <col min="10489" max="10489" width="9.140625" style="270"/>
    <col min="10490" max="10490" width="9.140625" style="270" customWidth="1"/>
    <col min="10491" max="10491" width="7" style="270" customWidth="1"/>
    <col min="10492" max="10492" width="9.140625" style="270" customWidth="1"/>
    <col min="10493" max="10493" width="7.42578125" style="270" customWidth="1"/>
    <col min="10494" max="10494" width="9.140625" style="270" customWidth="1"/>
    <col min="10495" max="10495" width="7.42578125" style="270" customWidth="1"/>
    <col min="10496" max="10497" width="9.140625" style="270" customWidth="1"/>
    <col min="10498" max="10498" width="7.42578125" style="270" customWidth="1"/>
    <col min="10499" max="10499" width="9.140625" style="270" customWidth="1"/>
    <col min="10500" max="10500" width="7.85546875" style="270" customWidth="1"/>
    <col min="10501" max="10502" width="9.140625" style="270" customWidth="1"/>
    <col min="10503" max="10503" width="7.7109375" style="270" customWidth="1"/>
    <col min="10504" max="10504" width="9.140625" style="270" customWidth="1"/>
    <col min="10505" max="10505" width="7.5703125" style="270" customWidth="1"/>
    <col min="10506" max="10506" width="9.140625" style="270" customWidth="1"/>
    <col min="10507" max="10508" width="7.7109375" style="270" customWidth="1"/>
    <col min="10509" max="10509" width="8" style="270" customWidth="1"/>
    <col min="10510" max="10741" width="9.140625" style="270"/>
    <col min="10742" max="10742" width="32" style="270" customWidth="1"/>
    <col min="10743" max="10743" width="9.140625" style="270"/>
    <col min="10744" max="10744" width="9.140625" style="270" customWidth="1"/>
    <col min="10745" max="10745" width="9.140625" style="270"/>
    <col min="10746" max="10746" width="9.140625" style="270" customWidth="1"/>
    <col min="10747" max="10747" width="7" style="270" customWidth="1"/>
    <col min="10748" max="10748" width="9.140625" style="270" customWidth="1"/>
    <col min="10749" max="10749" width="7.42578125" style="270" customWidth="1"/>
    <col min="10750" max="10750" width="9.140625" style="270" customWidth="1"/>
    <col min="10751" max="10751" width="7.42578125" style="270" customWidth="1"/>
    <col min="10752" max="10753" width="9.140625" style="270" customWidth="1"/>
    <col min="10754" max="10754" width="7.42578125" style="270" customWidth="1"/>
    <col min="10755" max="10755" width="9.140625" style="270" customWidth="1"/>
    <col min="10756" max="10756" width="7.85546875" style="270" customWidth="1"/>
    <col min="10757" max="10758" width="9.140625" style="270" customWidth="1"/>
    <col min="10759" max="10759" width="7.7109375" style="270" customWidth="1"/>
    <col min="10760" max="10760" width="9.140625" style="270" customWidth="1"/>
    <col min="10761" max="10761" width="7.5703125" style="270" customWidth="1"/>
    <col min="10762" max="10762" width="9.140625" style="270" customWidth="1"/>
    <col min="10763" max="10764" width="7.7109375" style="270" customWidth="1"/>
    <col min="10765" max="10765" width="8" style="270" customWidth="1"/>
    <col min="10766" max="10997" width="9.140625" style="270"/>
    <col min="10998" max="10998" width="32" style="270" customWidth="1"/>
    <col min="10999" max="10999" width="9.140625" style="270"/>
    <col min="11000" max="11000" width="9.140625" style="270" customWidth="1"/>
    <col min="11001" max="11001" width="9.140625" style="270"/>
    <col min="11002" max="11002" width="9.140625" style="270" customWidth="1"/>
    <col min="11003" max="11003" width="7" style="270" customWidth="1"/>
    <col min="11004" max="11004" width="9.140625" style="270" customWidth="1"/>
    <col min="11005" max="11005" width="7.42578125" style="270" customWidth="1"/>
    <col min="11006" max="11006" width="9.140625" style="270" customWidth="1"/>
    <col min="11007" max="11007" width="7.42578125" style="270" customWidth="1"/>
    <col min="11008" max="11009" width="9.140625" style="270" customWidth="1"/>
    <col min="11010" max="11010" width="7.42578125" style="270" customWidth="1"/>
    <col min="11011" max="11011" width="9.140625" style="270" customWidth="1"/>
    <col min="11012" max="11012" width="7.85546875" style="270" customWidth="1"/>
    <col min="11013" max="11014" width="9.140625" style="270" customWidth="1"/>
    <col min="11015" max="11015" width="7.7109375" style="270" customWidth="1"/>
    <col min="11016" max="11016" width="9.140625" style="270" customWidth="1"/>
    <col min="11017" max="11017" width="7.5703125" style="270" customWidth="1"/>
    <col min="11018" max="11018" width="9.140625" style="270" customWidth="1"/>
    <col min="11019" max="11020" width="7.7109375" style="270" customWidth="1"/>
    <col min="11021" max="11021" width="8" style="270" customWidth="1"/>
    <col min="11022" max="11253" width="9.140625" style="270"/>
    <col min="11254" max="11254" width="32" style="270" customWidth="1"/>
    <col min="11255" max="11255" width="9.140625" style="270"/>
    <col min="11256" max="11256" width="9.140625" style="270" customWidth="1"/>
    <col min="11257" max="11257" width="9.140625" style="270"/>
    <col min="11258" max="11258" width="9.140625" style="270" customWidth="1"/>
    <col min="11259" max="11259" width="7" style="270" customWidth="1"/>
    <col min="11260" max="11260" width="9.140625" style="270" customWidth="1"/>
    <col min="11261" max="11261" width="7.42578125" style="270" customWidth="1"/>
    <col min="11262" max="11262" width="9.140625" style="270" customWidth="1"/>
    <col min="11263" max="11263" width="7.42578125" style="270" customWidth="1"/>
    <col min="11264" max="11265" width="9.140625" style="270" customWidth="1"/>
    <col min="11266" max="11266" width="7.42578125" style="270" customWidth="1"/>
    <col min="11267" max="11267" width="9.140625" style="270" customWidth="1"/>
    <col min="11268" max="11268" width="7.85546875" style="270" customWidth="1"/>
    <col min="11269" max="11270" width="9.140625" style="270" customWidth="1"/>
    <col min="11271" max="11271" width="7.7109375" style="270" customWidth="1"/>
    <col min="11272" max="11272" width="9.140625" style="270" customWidth="1"/>
    <col min="11273" max="11273" width="7.5703125" style="270" customWidth="1"/>
    <col min="11274" max="11274" width="9.140625" style="270" customWidth="1"/>
    <col min="11275" max="11276" width="7.7109375" style="270" customWidth="1"/>
    <col min="11277" max="11277" width="8" style="270" customWidth="1"/>
    <col min="11278" max="11509" width="9.140625" style="270"/>
    <col min="11510" max="11510" width="32" style="270" customWidth="1"/>
    <col min="11511" max="11511" width="9.140625" style="270"/>
    <col min="11512" max="11512" width="9.140625" style="270" customWidth="1"/>
    <col min="11513" max="11513" width="9.140625" style="270"/>
    <col min="11514" max="11514" width="9.140625" style="270" customWidth="1"/>
    <col min="11515" max="11515" width="7" style="270" customWidth="1"/>
    <col min="11516" max="11516" width="9.140625" style="270" customWidth="1"/>
    <col min="11517" max="11517" width="7.42578125" style="270" customWidth="1"/>
    <col min="11518" max="11518" width="9.140625" style="270" customWidth="1"/>
    <col min="11519" max="11519" width="7.42578125" style="270" customWidth="1"/>
    <col min="11520" max="11521" width="9.140625" style="270" customWidth="1"/>
    <col min="11522" max="11522" width="7.42578125" style="270" customWidth="1"/>
    <col min="11523" max="11523" width="9.140625" style="270" customWidth="1"/>
    <col min="11524" max="11524" width="7.85546875" style="270" customWidth="1"/>
    <col min="11525" max="11526" width="9.140625" style="270" customWidth="1"/>
    <col min="11527" max="11527" width="7.7109375" style="270" customWidth="1"/>
    <col min="11528" max="11528" width="9.140625" style="270" customWidth="1"/>
    <col min="11529" max="11529" width="7.5703125" style="270" customWidth="1"/>
    <col min="11530" max="11530" width="9.140625" style="270" customWidth="1"/>
    <col min="11531" max="11532" width="7.7109375" style="270" customWidth="1"/>
    <col min="11533" max="11533" width="8" style="270" customWidth="1"/>
    <col min="11534" max="11765" width="9.140625" style="270"/>
    <col min="11766" max="11766" width="32" style="270" customWidth="1"/>
    <col min="11767" max="11767" width="9.140625" style="270"/>
    <col min="11768" max="11768" width="9.140625" style="270" customWidth="1"/>
    <col min="11769" max="11769" width="9.140625" style="270"/>
    <col min="11770" max="11770" width="9.140625" style="270" customWidth="1"/>
    <col min="11771" max="11771" width="7" style="270" customWidth="1"/>
    <col min="11772" max="11772" width="9.140625" style="270" customWidth="1"/>
    <col min="11773" max="11773" width="7.42578125" style="270" customWidth="1"/>
    <col min="11774" max="11774" width="9.140625" style="270" customWidth="1"/>
    <col min="11775" max="11775" width="7.42578125" style="270" customWidth="1"/>
    <col min="11776" max="11777" width="9.140625" style="270" customWidth="1"/>
    <col min="11778" max="11778" width="7.42578125" style="270" customWidth="1"/>
    <col min="11779" max="11779" width="9.140625" style="270" customWidth="1"/>
    <col min="11780" max="11780" width="7.85546875" style="270" customWidth="1"/>
    <col min="11781" max="11782" width="9.140625" style="270" customWidth="1"/>
    <col min="11783" max="11783" width="7.7109375" style="270" customWidth="1"/>
    <col min="11784" max="11784" width="9.140625" style="270" customWidth="1"/>
    <col min="11785" max="11785" width="7.5703125" style="270" customWidth="1"/>
    <col min="11786" max="11786" width="9.140625" style="270" customWidth="1"/>
    <col min="11787" max="11788" width="7.7109375" style="270" customWidth="1"/>
    <col min="11789" max="11789" width="8" style="270" customWidth="1"/>
    <col min="11790" max="12021" width="9.140625" style="270"/>
    <col min="12022" max="12022" width="32" style="270" customWidth="1"/>
    <col min="12023" max="12023" width="9.140625" style="270"/>
    <col min="12024" max="12024" width="9.140625" style="270" customWidth="1"/>
    <col min="12025" max="12025" width="9.140625" style="270"/>
    <col min="12026" max="12026" width="9.140625" style="270" customWidth="1"/>
    <col min="12027" max="12027" width="7" style="270" customWidth="1"/>
    <col min="12028" max="12028" width="9.140625" style="270" customWidth="1"/>
    <col min="12029" max="12029" width="7.42578125" style="270" customWidth="1"/>
    <col min="12030" max="12030" width="9.140625" style="270" customWidth="1"/>
    <col min="12031" max="12031" width="7.42578125" style="270" customWidth="1"/>
    <col min="12032" max="12033" width="9.140625" style="270" customWidth="1"/>
    <col min="12034" max="12034" width="7.42578125" style="270" customWidth="1"/>
    <col min="12035" max="12035" width="9.140625" style="270" customWidth="1"/>
    <col min="12036" max="12036" width="7.85546875" style="270" customWidth="1"/>
    <col min="12037" max="12038" width="9.140625" style="270" customWidth="1"/>
    <col min="12039" max="12039" width="7.7109375" style="270" customWidth="1"/>
    <col min="12040" max="12040" width="9.140625" style="270" customWidth="1"/>
    <col min="12041" max="12041" width="7.5703125" style="270" customWidth="1"/>
    <col min="12042" max="12042" width="9.140625" style="270" customWidth="1"/>
    <col min="12043" max="12044" width="7.7109375" style="270" customWidth="1"/>
    <col min="12045" max="12045" width="8" style="270" customWidth="1"/>
    <col min="12046" max="12277" width="9.140625" style="270"/>
    <col min="12278" max="12278" width="32" style="270" customWidth="1"/>
    <col min="12279" max="12279" width="9.140625" style="270"/>
    <col min="12280" max="12280" width="9.140625" style="270" customWidth="1"/>
    <col min="12281" max="12281" width="9.140625" style="270"/>
    <col min="12282" max="12282" width="9.140625" style="270" customWidth="1"/>
    <col min="12283" max="12283" width="7" style="270" customWidth="1"/>
    <col min="12284" max="12284" width="9.140625" style="270" customWidth="1"/>
    <col min="12285" max="12285" width="7.42578125" style="270" customWidth="1"/>
    <col min="12286" max="12286" width="9.140625" style="270" customWidth="1"/>
    <col min="12287" max="12287" width="7.42578125" style="270" customWidth="1"/>
    <col min="12288" max="12289" width="9.140625" style="270" customWidth="1"/>
    <col min="12290" max="12290" width="7.42578125" style="270" customWidth="1"/>
    <col min="12291" max="12291" width="9.140625" style="270" customWidth="1"/>
    <col min="12292" max="12292" width="7.85546875" style="270" customWidth="1"/>
    <col min="12293" max="12294" width="9.140625" style="270" customWidth="1"/>
    <col min="12295" max="12295" width="7.7109375" style="270" customWidth="1"/>
    <col min="12296" max="12296" width="9.140625" style="270" customWidth="1"/>
    <col min="12297" max="12297" width="7.5703125" style="270" customWidth="1"/>
    <col min="12298" max="12298" width="9.140625" style="270" customWidth="1"/>
    <col min="12299" max="12300" width="7.7109375" style="270" customWidth="1"/>
    <col min="12301" max="12301" width="8" style="270" customWidth="1"/>
    <col min="12302" max="12533" width="9.140625" style="270"/>
    <col min="12534" max="12534" width="32" style="270" customWidth="1"/>
    <col min="12535" max="12535" width="9.140625" style="270"/>
    <col min="12536" max="12536" width="9.140625" style="270" customWidth="1"/>
    <col min="12537" max="12537" width="9.140625" style="270"/>
    <col min="12538" max="12538" width="9.140625" style="270" customWidth="1"/>
    <col min="12539" max="12539" width="7" style="270" customWidth="1"/>
    <col min="12540" max="12540" width="9.140625" style="270" customWidth="1"/>
    <col min="12541" max="12541" width="7.42578125" style="270" customWidth="1"/>
    <col min="12542" max="12542" width="9.140625" style="270" customWidth="1"/>
    <col min="12543" max="12543" width="7.42578125" style="270" customWidth="1"/>
    <col min="12544" max="12545" width="9.140625" style="270" customWidth="1"/>
    <col min="12546" max="12546" width="7.42578125" style="270" customWidth="1"/>
    <col min="12547" max="12547" width="9.140625" style="270" customWidth="1"/>
    <col min="12548" max="12548" width="7.85546875" style="270" customWidth="1"/>
    <col min="12549" max="12550" width="9.140625" style="270" customWidth="1"/>
    <col min="12551" max="12551" width="7.7109375" style="270" customWidth="1"/>
    <col min="12552" max="12552" width="9.140625" style="270" customWidth="1"/>
    <col min="12553" max="12553" width="7.5703125" style="270" customWidth="1"/>
    <col min="12554" max="12554" width="9.140625" style="270" customWidth="1"/>
    <col min="12555" max="12556" width="7.7109375" style="270" customWidth="1"/>
    <col min="12557" max="12557" width="8" style="270" customWidth="1"/>
    <col min="12558" max="12789" width="9.140625" style="270"/>
    <col min="12790" max="12790" width="32" style="270" customWidth="1"/>
    <col min="12791" max="12791" width="9.140625" style="270"/>
    <col min="12792" max="12792" width="9.140625" style="270" customWidth="1"/>
    <col min="12793" max="12793" width="9.140625" style="270"/>
    <col min="12794" max="12794" width="9.140625" style="270" customWidth="1"/>
    <col min="12795" max="12795" width="7" style="270" customWidth="1"/>
    <col min="12796" max="12796" width="9.140625" style="270" customWidth="1"/>
    <col min="12797" max="12797" width="7.42578125" style="270" customWidth="1"/>
    <col min="12798" max="12798" width="9.140625" style="270" customWidth="1"/>
    <col min="12799" max="12799" width="7.42578125" style="270" customWidth="1"/>
    <col min="12800" max="12801" width="9.140625" style="270" customWidth="1"/>
    <col min="12802" max="12802" width="7.42578125" style="270" customWidth="1"/>
    <col min="12803" max="12803" width="9.140625" style="270" customWidth="1"/>
    <col min="12804" max="12804" width="7.85546875" style="270" customWidth="1"/>
    <col min="12805" max="12806" width="9.140625" style="270" customWidth="1"/>
    <col min="12807" max="12807" width="7.7109375" style="270" customWidth="1"/>
    <col min="12808" max="12808" width="9.140625" style="270" customWidth="1"/>
    <col min="12809" max="12809" width="7.5703125" style="270" customWidth="1"/>
    <col min="12810" max="12810" width="9.140625" style="270" customWidth="1"/>
    <col min="12811" max="12812" width="7.7109375" style="270" customWidth="1"/>
    <col min="12813" max="12813" width="8" style="270" customWidth="1"/>
    <col min="12814" max="13045" width="9.140625" style="270"/>
    <col min="13046" max="13046" width="32" style="270" customWidth="1"/>
    <col min="13047" max="13047" width="9.140625" style="270"/>
    <col min="13048" max="13048" width="9.140625" style="270" customWidth="1"/>
    <col min="13049" max="13049" width="9.140625" style="270"/>
    <col min="13050" max="13050" width="9.140625" style="270" customWidth="1"/>
    <col min="13051" max="13051" width="7" style="270" customWidth="1"/>
    <col min="13052" max="13052" width="9.140625" style="270" customWidth="1"/>
    <col min="13053" max="13053" width="7.42578125" style="270" customWidth="1"/>
    <col min="13054" max="13054" width="9.140625" style="270" customWidth="1"/>
    <col min="13055" max="13055" width="7.42578125" style="270" customWidth="1"/>
    <col min="13056" max="13057" width="9.140625" style="270" customWidth="1"/>
    <col min="13058" max="13058" width="7.42578125" style="270" customWidth="1"/>
    <col min="13059" max="13059" width="9.140625" style="270" customWidth="1"/>
    <col min="13060" max="13060" width="7.85546875" style="270" customWidth="1"/>
    <col min="13061" max="13062" width="9.140625" style="270" customWidth="1"/>
    <col min="13063" max="13063" width="7.7109375" style="270" customWidth="1"/>
    <col min="13064" max="13064" width="9.140625" style="270" customWidth="1"/>
    <col min="13065" max="13065" width="7.5703125" style="270" customWidth="1"/>
    <col min="13066" max="13066" width="9.140625" style="270" customWidth="1"/>
    <col min="13067" max="13068" width="7.7109375" style="270" customWidth="1"/>
    <col min="13069" max="13069" width="8" style="270" customWidth="1"/>
    <col min="13070" max="13301" width="9.140625" style="270"/>
    <col min="13302" max="13302" width="32" style="270" customWidth="1"/>
    <col min="13303" max="13303" width="9.140625" style="270"/>
    <col min="13304" max="13304" width="9.140625" style="270" customWidth="1"/>
    <col min="13305" max="13305" width="9.140625" style="270"/>
    <col min="13306" max="13306" width="9.140625" style="270" customWidth="1"/>
    <col min="13307" max="13307" width="7" style="270" customWidth="1"/>
    <col min="13308" max="13308" width="9.140625" style="270" customWidth="1"/>
    <col min="13309" max="13309" width="7.42578125" style="270" customWidth="1"/>
    <col min="13310" max="13310" width="9.140625" style="270" customWidth="1"/>
    <col min="13311" max="13311" width="7.42578125" style="270" customWidth="1"/>
    <col min="13312" max="13313" width="9.140625" style="270" customWidth="1"/>
    <col min="13314" max="13314" width="7.42578125" style="270" customWidth="1"/>
    <col min="13315" max="13315" width="9.140625" style="270" customWidth="1"/>
    <col min="13316" max="13316" width="7.85546875" style="270" customWidth="1"/>
    <col min="13317" max="13318" width="9.140625" style="270" customWidth="1"/>
    <col min="13319" max="13319" width="7.7109375" style="270" customWidth="1"/>
    <col min="13320" max="13320" width="9.140625" style="270" customWidth="1"/>
    <col min="13321" max="13321" width="7.5703125" style="270" customWidth="1"/>
    <col min="13322" max="13322" width="9.140625" style="270" customWidth="1"/>
    <col min="13323" max="13324" width="7.7109375" style="270" customWidth="1"/>
    <col min="13325" max="13325" width="8" style="270" customWidth="1"/>
    <col min="13326" max="13557" width="9.140625" style="270"/>
    <col min="13558" max="13558" width="32" style="270" customWidth="1"/>
    <col min="13559" max="13559" width="9.140625" style="270"/>
    <col min="13560" max="13560" width="9.140625" style="270" customWidth="1"/>
    <col min="13561" max="13561" width="9.140625" style="270"/>
    <col min="13562" max="13562" width="9.140625" style="270" customWidth="1"/>
    <col min="13563" max="13563" width="7" style="270" customWidth="1"/>
    <col min="13564" max="13564" width="9.140625" style="270" customWidth="1"/>
    <col min="13565" max="13565" width="7.42578125" style="270" customWidth="1"/>
    <col min="13566" max="13566" width="9.140625" style="270" customWidth="1"/>
    <col min="13567" max="13567" width="7.42578125" style="270" customWidth="1"/>
    <col min="13568" max="13569" width="9.140625" style="270" customWidth="1"/>
    <col min="13570" max="13570" width="7.42578125" style="270" customWidth="1"/>
    <col min="13571" max="13571" width="9.140625" style="270" customWidth="1"/>
    <col min="13572" max="13572" width="7.85546875" style="270" customWidth="1"/>
    <col min="13573" max="13574" width="9.140625" style="270" customWidth="1"/>
    <col min="13575" max="13575" width="7.7109375" style="270" customWidth="1"/>
    <col min="13576" max="13576" width="9.140625" style="270" customWidth="1"/>
    <col min="13577" max="13577" width="7.5703125" style="270" customWidth="1"/>
    <col min="13578" max="13578" width="9.140625" style="270" customWidth="1"/>
    <col min="13579" max="13580" width="7.7109375" style="270" customWidth="1"/>
    <col min="13581" max="13581" width="8" style="270" customWidth="1"/>
    <col min="13582" max="13813" width="9.140625" style="270"/>
    <col min="13814" max="13814" width="32" style="270" customWidth="1"/>
    <col min="13815" max="13815" width="9.140625" style="270"/>
    <col min="13816" max="13816" width="9.140625" style="270" customWidth="1"/>
    <col min="13817" max="13817" width="9.140625" style="270"/>
    <col min="13818" max="13818" width="9.140625" style="270" customWidth="1"/>
    <col min="13819" max="13819" width="7" style="270" customWidth="1"/>
    <col min="13820" max="13820" width="9.140625" style="270" customWidth="1"/>
    <col min="13821" max="13821" width="7.42578125" style="270" customWidth="1"/>
    <col min="13822" max="13822" width="9.140625" style="270" customWidth="1"/>
    <col min="13823" max="13823" width="7.42578125" style="270" customWidth="1"/>
    <col min="13824" max="13825" width="9.140625" style="270" customWidth="1"/>
    <col min="13826" max="13826" width="7.42578125" style="270" customWidth="1"/>
    <col min="13827" max="13827" width="9.140625" style="270" customWidth="1"/>
    <col min="13828" max="13828" width="7.85546875" style="270" customWidth="1"/>
    <col min="13829" max="13830" width="9.140625" style="270" customWidth="1"/>
    <col min="13831" max="13831" width="7.7109375" style="270" customWidth="1"/>
    <col min="13832" max="13832" width="9.140625" style="270" customWidth="1"/>
    <col min="13833" max="13833" width="7.5703125" style="270" customWidth="1"/>
    <col min="13834" max="13834" width="9.140625" style="270" customWidth="1"/>
    <col min="13835" max="13836" width="7.7109375" style="270" customWidth="1"/>
    <col min="13837" max="13837" width="8" style="270" customWidth="1"/>
    <col min="13838" max="14069" width="9.140625" style="270"/>
    <col min="14070" max="14070" width="32" style="270" customWidth="1"/>
    <col min="14071" max="14071" width="9.140625" style="270"/>
    <col min="14072" max="14072" width="9.140625" style="270" customWidth="1"/>
    <col min="14073" max="14073" width="9.140625" style="270"/>
    <col min="14074" max="14074" width="9.140625" style="270" customWidth="1"/>
    <col min="14075" max="14075" width="7" style="270" customWidth="1"/>
    <col min="14076" max="14076" width="9.140625" style="270" customWidth="1"/>
    <col min="14077" max="14077" width="7.42578125" style="270" customWidth="1"/>
    <col min="14078" max="14078" width="9.140625" style="270" customWidth="1"/>
    <col min="14079" max="14079" width="7.42578125" style="270" customWidth="1"/>
    <col min="14080" max="14081" width="9.140625" style="270" customWidth="1"/>
    <col min="14082" max="14082" width="7.42578125" style="270" customWidth="1"/>
    <col min="14083" max="14083" width="9.140625" style="270" customWidth="1"/>
    <col min="14084" max="14084" width="7.85546875" style="270" customWidth="1"/>
    <col min="14085" max="14086" width="9.140625" style="270" customWidth="1"/>
    <col min="14087" max="14087" width="7.7109375" style="270" customWidth="1"/>
    <col min="14088" max="14088" width="9.140625" style="270" customWidth="1"/>
    <col min="14089" max="14089" width="7.5703125" style="270" customWidth="1"/>
    <col min="14090" max="14090" width="9.140625" style="270" customWidth="1"/>
    <col min="14091" max="14092" width="7.7109375" style="270" customWidth="1"/>
    <col min="14093" max="14093" width="8" style="270" customWidth="1"/>
    <col min="14094" max="14325" width="9.140625" style="270"/>
    <col min="14326" max="14326" width="32" style="270" customWidth="1"/>
    <col min="14327" max="14327" width="9.140625" style="270"/>
    <col min="14328" max="14328" width="9.140625" style="270" customWidth="1"/>
    <col min="14329" max="14329" width="9.140625" style="270"/>
    <col min="14330" max="14330" width="9.140625" style="270" customWidth="1"/>
    <col min="14331" max="14331" width="7" style="270" customWidth="1"/>
    <col min="14332" max="14332" width="9.140625" style="270" customWidth="1"/>
    <col min="14333" max="14333" width="7.42578125" style="270" customWidth="1"/>
    <col min="14334" max="14334" width="9.140625" style="270" customWidth="1"/>
    <col min="14335" max="14335" width="7.42578125" style="270" customWidth="1"/>
    <col min="14336" max="14337" width="9.140625" style="270" customWidth="1"/>
    <col min="14338" max="14338" width="7.42578125" style="270" customWidth="1"/>
    <col min="14339" max="14339" width="9.140625" style="270" customWidth="1"/>
    <col min="14340" max="14340" width="7.85546875" style="270" customWidth="1"/>
    <col min="14341" max="14342" width="9.140625" style="270" customWidth="1"/>
    <col min="14343" max="14343" width="7.7109375" style="270" customWidth="1"/>
    <col min="14344" max="14344" width="9.140625" style="270" customWidth="1"/>
    <col min="14345" max="14345" width="7.5703125" style="270" customWidth="1"/>
    <col min="14346" max="14346" width="9.140625" style="270" customWidth="1"/>
    <col min="14347" max="14348" width="7.7109375" style="270" customWidth="1"/>
    <col min="14349" max="14349" width="8" style="270" customWidth="1"/>
    <col min="14350" max="14581" width="9.140625" style="270"/>
    <col min="14582" max="14582" width="32" style="270" customWidth="1"/>
    <col min="14583" max="14583" width="9.140625" style="270"/>
    <col min="14584" max="14584" width="9.140625" style="270" customWidth="1"/>
    <col min="14585" max="14585" width="9.140625" style="270"/>
    <col min="14586" max="14586" width="9.140625" style="270" customWidth="1"/>
    <col min="14587" max="14587" width="7" style="270" customWidth="1"/>
    <col min="14588" max="14588" width="9.140625" style="270" customWidth="1"/>
    <col min="14589" max="14589" width="7.42578125" style="270" customWidth="1"/>
    <col min="14590" max="14590" width="9.140625" style="270" customWidth="1"/>
    <col min="14591" max="14591" width="7.42578125" style="270" customWidth="1"/>
    <col min="14592" max="14593" width="9.140625" style="270" customWidth="1"/>
    <col min="14594" max="14594" width="7.42578125" style="270" customWidth="1"/>
    <col min="14595" max="14595" width="9.140625" style="270" customWidth="1"/>
    <col min="14596" max="14596" width="7.85546875" style="270" customWidth="1"/>
    <col min="14597" max="14598" width="9.140625" style="270" customWidth="1"/>
    <col min="14599" max="14599" width="7.7109375" style="270" customWidth="1"/>
    <col min="14600" max="14600" width="9.140625" style="270" customWidth="1"/>
    <col min="14601" max="14601" width="7.5703125" style="270" customWidth="1"/>
    <col min="14602" max="14602" width="9.140625" style="270" customWidth="1"/>
    <col min="14603" max="14604" width="7.7109375" style="270" customWidth="1"/>
    <col min="14605" max="14605" width="8" style="270" customWidth="1"/>
    <col min="14606" max="14837" width="9.140625" style="270"/>
    <col min="14838" max="14838" width="32" style="270" customWidth="1"/>
    <col min="14839" max="14839" width="9.140625" style="270"/>
    <col min="14840" max="14840" width="9.140625" style="270" customWidth="1"/>
    <col min="14841" max="14841" width="9.140625" style="270"/>
    <col min="14842" max="14842" width="9.140625" style="270" customWidth="1"/>
    <col min="14843" max="14843" width="7" style="270" customWidth="1"/>
    <col min="14844" max="14844" width="9.140625" style="270" customWidth="1"/>
    <col min="14845" max="14845" width="7.42578125" style="270" customWidth="1"/>
    <col min="14846" max="14846" width="9.140625" style="270" customWidth="1"/>
    <col min="14847" max="14847" width="7.42578125" style="270" customWidth="1"/>
    <col min="14848" max="14849" width="9.140625" style="270" customWidth="1"/>
    <col min="14850" max="14850" width="7.42578125" style="270" customWidth="1"/>
    <col min="14851" max="14851" width="9.140625" style="270" customWidth="1"/>
    <col min="14852" max="14852" width="7.85546875" style="270" customWidth="1"/>
    <col min="14853" max="14854" width="9.140625" style="270" customWidth="1"/>
    <col min="14855" max="14855" width="7.7109375" style="270" customWidth="1"/>
    <col min="14856" max="14856" width="9.140625" style="270" customWidth="1"/>
    <col min="14857" max="14857" width="7.5703125" style="270" customWidth="1"/>
    <col min="14858" max="14858" width="9.140625" style="270" customWidth="1"/>
    <col min="14859" max="14860" width="7.7109375" style="270" customWidth="1"/>
    <col min="14861" max="14861" width="8" style="270" customWidth="1"/>
    <col min="14862" max="15093" width="9.140625" style="270"/>
    <col min="15094" max="15094" width="32" style="270" customWidth="1"/>
    <col min="15095" max="15095" width="9.140625" style="270"/>
    <col min="15096" max="15096" width="9.140625" style="270" customWidth="1"/>
    <col min="15097" max="15097" width="9.140625" style="270"/>
    <col min="15098" max="15098" width="9.140625" style="270" customWidth="1"/>
    <col min="15099" max="15099" width="7" style="270" customWidth="1"/>
    <col min="15100" max="15100" width="9.140625" style="270" customWidth="1"/>
    <col min="15101" max="15101" width="7.42578125" style="270" customWidth="1"/>
    <col min="15102" max="15102" width="9.140625" style="270" customWidth="1"/>
    <col min="15103" max="15103" width="7.42578125" style="270" customWidth="1"/>
    <col min="15104" max="15105" width="9.140625" style="270" customWidth="1"/>
    <col min="15106" max="15106" width="7.42578125" style="270" customWidth="1"/>
    <col min="15107" max="15107" width="9.140625" style="270" customWidth="1"/>
    <col min="15108" max="15108" width="7.85546875" style="270" customWidth="1"/>
    <col min="15109" max="15110" width="9.140625" style="270" customWidth="1"/>
    <col min="15111" max="15111" width="7.7109375" style="270" customWidth="1"/>
    <col min="15112" max="15112" width="9.140625" style="270" customWidth="1"/>
    <col min="15113" max="15113" width="7.5703125" style="270" customWidth="1"/>
    <col min="15114" max="15114" width="9.140625" style="270" customWidth="1"/>
    <col min="15115" max="15116" width="7.7109375" style="270" customWidth="1"/>
    <col min="15117" max="15117" width="8" style="270" customWidth="1"/>
    <col min="15118" max="15349" width="9.140625" style="270"/>
    <col min="15350" max="15350" width="32" style="270" customWidth="1"/>
    <col min="15351" max="15351" width="9.140625" style="270"/>
    <col min="15352" max="15352" width="9.140625" style="270" customWidth="1"/>
    <col min="15353" max="15353" width="9.140625" style="270"/>
    <col min="15354" max="15354" width="9.140625" style="270" customWidth="1"/>
    <col min="15355" max="15355" width="7" style="270" customWidth="1"/>
    <col min="15356" max="15356" width="9.140625" style="270" customWidth="1"/>
    <col min="15357" max="15357" width="7.42578125" style="270" customWidth="1"/>
    <col min="15358" max="15358" width="9.140625" style="270" customWidth="1"/>
    <col min="15359" max="15359" width="7.42578125" style="270" customWidth="1"/>
    <col min="15360" max="15361" width="9.140625" style="270" customWidth="1"/>
    <col min="15362" max="15362" width="7.42578125" style="270" customWidth="1"/>
    <col min="15363" max="15363" width="9.140625" style="270" customWidth="1"/>
    <col min="15364" max="15364" width="7.85546875" style="270" customWidth="1"/>
    <col min="15365" max="15366" width="9.140625" style="270" customWidth="1"/>
    <col min="15367" max="15367" width="7.7109375" style="270" customWidth="1"/>
    <col min="15368" max="15368" width="9.140625" style="270" customWidth="1"/>
    <col min="15369" max="15369" width="7.5703125" style="270" customWidth="1"/>
    <col min="15370" max="15370" width="9.140625" style="270" customWidth="1"/>
    <col min="15371" max="15372" width="7.7109375" style="270" customWidth="1"/>
    <col min="15373" max="15373" width="8" style="270" customWidth="1"/>
    <col min="15374" max="15605" width="9.140625" style="270"/>
    <col min="15606" max="15606" width="32" style="270" customWidth="1"/>
    <col min="15607" max="15607" width="9.140625" style="270"/>
    <col min="15608" max="15608" width="9.140625" style="270" customWidth="1"/>
    <col min="15609" max="15609" width="9.140625" style="270"/>
    <col min="15610" max="15610" width="9.140625" style="270" customWidth="1"/>
    <col min="15611" max="15611" width="7" style="270" customWidth="1"/>
    <col min="15612" max="15612" width="9.140625" style="270" customWidth="1"/>
    <col min="15613" max="15613" width="7.42578125" style="270" customWidth="1"/>
    <col min="15614" max="15614" width="9.140625" style="270" customWidth="1"/>
    <col min="15615" max="15615" width="7.42578125" style="270" customWidth="1"/>
    <col min="15616" max="15617" width="9.140625" style="270" customWidth="1"/>
    <col min="15618" max="15618" width="7.42578125" style="270" customWidth="1"/>
    <col min="15619" max="15619" width="9.140625" style="270" customWidth="1"/>
    <col min="15620" max="15620" width="7.85546875" style="270" customWidth="1"/>
    <col min="15621" max="15622" width="9.140625" style="270" customWidth="1"/>
    <col min="15623" max="15623" width="7.7109375" style="270" customWidth="1"/>
    <col min="15624" max="15624" width="9.140625" style="270" customWidth="1"/>
    <col min="15625" max="15625" width="7.5703125" style="270" customWidth="1"/>
    <col min="15626" max="15626" width="9.140625" style="270" customWidth="1"/>
    <col min="15627" max="15628" width="7.7109375" style="270" customWidth="1"/>
    <col min="15629" max="15629" width="8" style="270" customWidth="1"/>
    <col min="15630" max="15861" width="9.140625" style="270"/>
    <col min="15862" max="15862" width="32" style="270" customWidth="1"/>
    <col min="15863" max="15863" width="9.140625" style="270"/>
    <col min="15864" max="15864" width="9.140625" style="270" customWidth="1"/>
    <col min="15865" max="15865" width="9.140625" style="270"/>
    <col min="15866" max="15866" width="9.140625" style="270" customWidth="1"/>
    <col min="15867" max="15867" width="7" style="270" customWidth="1"/>
    <col min="15868" max="15868" width="9.140625" style="270" customWidth="1"/>
    <col min="15869" max="15869" width="7.42578125" style="270" customWidth="1"/>
    <col min="15870" max="15870" width="9.140625" style="270" customWidth="1"/>
    <col min="15871" max="15871" width="7.42578125" style="270" customWidth="1"/>
    <col min="15872" max="15873" width="9.140625" style="270" customWidth="1"/>
    <col min="15874" max="15874" width="7.42578125" style="270" customWidth="1"/>
    <col min="15875" max="15875" width="9.140625" style="270" customWidth="1"/>
    <col min="15876" max="15876" width="7.85546875" style="270" customWidth="1"/>
    <col min="15877" max="15878" width="9.140625" style="270" customWidth="1"/>
    <col min="15879" max="15879" width="7.7109375" style="270" customWidth="1"/>
    <col min="15880" max="15880" width="9.140625" style="270" customWidth="1"/>
    <col min="15881" max="15881" width="7.5703125" style="270" customWidth="1"/>
    <col min="15882" max="15882" width="9.140625" style="270" customWidth="1"/>
    <col min="15883" max="15884" width="7.7109375" style="270" customWidth="1"/>
    <col min="15885" max="15885" width="8" style="270" customWidth="1"/>
    <col min="15886" max="16117" width="9.140625" style="270"/>
    <col min="16118" max="16118" width="32" style="270" customWidth="1"/>
    <col min="16119" max="16119" width="9.140625" style="270"/>
    <col min="16120" max="16120" width="9.140625" style="270" customWidth="1"/>
    <col min="16121" max="16121" width="9.140625" style="270"/>
    <col min="16122" max="16122" width="9.140625" style="270" customWidth="1"/>
    <col min="16123" max="16123" width="7" style="270" customWidth="1"/>
    <col min="16124" max="16124" width="9.140625" style="270" customWidth="1"/>
    <col min="16125" max="16125" width="7.42578125" style="270" customWidth="1"/>
    <col min="16126" max="16126" width="9.140625" style="270" customWidth="1"/>
    <col min="16127" max="16127" width="7.42578125" style="270" customWidth="1"/>
    <col min="16128" max="16129" width="9.140625" style="270" customWidth="1"/>
    <col min="16130" max="16130" width="7.42578125" style="270" customWidth="1"/>
    <col min="16131" max="16131" width="9.140625" style="270" customWidth="1"/>
    <col min="16132" max="16132" width="7.85546875" style="270" customWidth="1"/>
    <col min="16133" max="16134" width="9.140625" style="270" customWidth="1"/>
    <col min="16135" max="16135" width="7.7109375" style="270" customWidth="1"/>
    <col min="16136" max="16136" width="9.140625" style="270" customWidth="1"/>
    <col min="16137" max="16137" width="7.5703125" style="270" customWidth="1"/>
    <col min="16138" max="16138" width="9.140625" style="270" customWidth="1"/>
    <col min="16139" max="16140" width="7.7109375" style="270" customWidth="1"/>
    <col min="16141" max="16141" width="8" style="270" customWidth="1"/>
    <col min="16142" max="16384" width="9.140625" style="270"/>
  </cols>
  <sheetData>
    <row r="1" spans="1:13" ht="10.5" x14ac:dyDescent="0.2">
      <c r="A1" s="376"/>
    </row>
    <row r="3" spans="1:13" ht="11.25" customHeight="1" x14ac:dyDescent="0.2">
      <c r="A3" s="1055" t="s">
        <v>640</v>
      </c>
      <c r="B3" s="1055"/>
      <c r="C3" s="1055"/>
      <c r="D3" s="1055"/>
      <c r="E3" s="1055"/>
      <c r="F3" s="1055"/>
      <c r="G3" s="1055"/>
      <c r="H3" s="1055"/>
      <c r="I3" s="1055"/>
      <c r="J3" s="1055"/>
      <c r="K3" s="1055"/>
      <c r="L3" s="1055"/>
      <c r="M3" s="378"/>
    </row>
    <row r="4" spans="1:13" ht="11.25" customHeight="1" x14ac:dyDescent="0.2">
      <c r="A4" s="1055" t="s">
        <v>105</v>
      </c>
      <c r="B4" s="1055"/>
      <c r="C4" s="1055"/>
      <c r="D4" s="1055"/>
      <c r="E4" s="1055"/>
      <c r="F4" s="1055"/>
      <c r="G4" s="1055"/>
      <c r="H4" s="1055"/>
      <c r="I4" s="1055"/>
      <c r="J4" s="1055"/>
      <c r="K4" s="1055"/>
      <c r="L4" s="1055"/>
      <c r="M4" s="378"/>
    </row>
    <row r="5" spans="1:13" ht="11.25" customHeight="1" x14ac:dyDescent="0.2">
      <c r="A5" s="1055" t="s">
        <v>829</v>
      </c>
      <c r="B5" s="1055"/>
      <c r="C5" s="1055"/>
      <c r="D5" s="1055"/>
      <c r="E5" s="1055"/>
      <c r="F5" s="1055"/>
      <c r="G5" s="1055"/>
      <c r="H5" s="1055"/>
      <c r="I5" s="1055"/>
      <c r="J5" s="1055"/>
      <c r="K5" s="1055"/>
      <c r="L5" s="1055"/>
      <c r="M5" s="378"/>
    </row>
    <row r="6" spans="1:13" ht="11.25" customHeight="1" x14ac:dyDescent="0.2">
      <c r="A6" s="1055" t="s">
        <v>107</v>
      </c>
      <c r="B6" s="1055"/>
      <c r="C6" s="1055"/>
      <c r="D6" s="1055"/>
      <c r="E6" s="1055"/>
      <c r="F6" s="1055"/>
      <c r="G6" s="1055"/>
      <c r="H6" s="1055"/>
      <c r="I6" s="1055"/>
      <c r="J6" s="1055"/>
      <c r="K6" s="1055"/>
      <c r="L6" s="1055"/>
      <c r="M6" s="378"/>
    </row>
    <row r="7" spans="1:13" ht="11.25" customHeight="1" x14ac:dyDescent="0.2">
      <c r="A7" s="1055" t="s">
        <v>641</v>
      </c>
      <c r="B7" s="1055"/>
      <c r="C7" s="1055"/>
      <c r="D7" s="1055"/>
      <c r="E7" s="1055"/>
      <c r="F7" s="1055"/>
      <c r="G7" s="1055"/>
      <c r="H7" s="1055"/>
      <c r="I7" s="1055"/>
      <c r="J7" s="1055"/>
      <c r="K7" s="1055"/>
      <c r="L7" s="1055"/>
      <c r="M7" s="378"/>
    </row>
    <row r="8" spans="1:13" ht="11.25" customHeight="1" x14ac:dyDescent="0.2">
      <c r="A8" s="1054"/>
      <c r="B8" s="1054"/>
      <c r="C8" s="1054"/>
      <c r="D8" s="1054"/>
      <c r="E8" s="1054"/>
      <c r="F8" s="1054"/>
      <c r="G8" s="1054"/>
      <c r="H8" s="1054"/>
      <c r="I8" s="1054"/>
      <c r="J8" s="1054"/>
      <c r="K8" s="1054"/>
      <c r="L8" s="1054"/>
      <c r="M8" s="378"/>
    </row>
    <row r="9" spans="1:13" ht="11.25" customHeight="1" x14ac:dyDescent="0.2">
      <c r="A9" s="1053" t="s">
        <v>830</v>
      </c>
      <c r="B9" s="1053"/>
      <c r="C9" s="1053"/>
      <c r="D9" s="1053"/>
      <c r="E9" s="377"/>
      <c r="F9" s="377"/>
      <c r="G9" s="377"/>
      <c r="H9" s="377"/>
      <c r="I9" s="377"/>
      <c r="J9" s="377"/>
      <c r="K9" s="1050">
        <v>1</v>
      </c>
      <c r="L9" s="1050"/>
      <c r="M9" s="378"/>
    </row>
    <row r="10" spans="1:13" s="210" customFormat="1" ht="12" customHeight="1" x14ac:dyDescent="0.2">
      <c r="A10" s="786" t="s">
        <v>173</v>
      </c>
      <c r="B10" s="789" t="s">
        <v>831</v>
      </c>
      <c r="C10" s="790"/>
      <c r="D10" s="783"/>
      <c r="E10" s="776" t="s">
        <v>866</v>
      </c>
      <c r="F10" s="741"/>
      <c r="G10" s="741"/>
      <c r="H10" s="741"/>
      <c r="I10" s="741"/>
      <c r="J10" s="742"/>
      <c r="K10" s="1051" t="s">
        <v>832</v>
      </c>
      <c r="L10" s="1052"/>
      <c r="M10" s="378"/>
    </row>
    <row r="11" spans="1:13" s="210" customFormat="1" ht="11.25" customHeight="1" x14ac:dyDescent="0.2">
      <c r="A11" s="787"/>
      <c r="B11" s="807" t="s">
        <v>833</v>
      </c>
      <c r="C11" s="811"/>
      <c r="D11" s="784"/>
      <c r="E11" s="829" t="s">
        <v>834</v>
      </c>
      <c r="F11" s="823"/>
      <c r="G11" s="786"/>
      <c r="H11" s="829" t="s">
        <v>835</v>
      </c>
      <c r="I11" s="823"/>
      <c r="J11" s="786"/>
      <c r="K11" s="809"/>
      <c r="L11" s="811"/>
      <c r="M11" s="378"/>
    </row>
    <row r="12" spans="1:13" s="210" customFormat="1" ht="11.25" customHeight="1" x14ac:dyDescent="0.2">
      <c r="A12" s="787"/>
      <c r="B12" s="807" t="s">
        <v>836</v>
      </c>
      <c r="C12" s="811"/>
      <c r="D12" s="784"/>
      <c r="E12" s="807"/>
      <c r="F12" s="1024"/>
      <c r="G12" s="787"/>
      <c r="H12" s="807"/>
      <c r="I12" s="1024"/>
      <c r="J12" s="787"/>
      <c r="K12" s="807" t="s">
        <v>837</v>
      </c>
      <c r="L12" s="1024"/>
      <c r="M12" s="378"/>
    </row>
    <row r="13" spans="1:13" s="210" customFormat="1" ht="21" customHeight="1" x14ac:dyDescent="0.2">
      <c r="A13" s="788"/>
      <c r="B13" s="808" t="s">
        <v>116</v>
      </c>
      <c r="C13" s="844"/>
      <c r="D13" s="785"/>
      <c r="E13" s="808"/>
      <c r="F13" s="824"/>
      <c r="G13" s="788"/>
      <c r="H13" s="844" t="s">
        <v>117</v>
      </c>
      <c r="I13" s="844"/>
      <c r="J13" s="785"/>
      <c r="K13" s="808"/>
      <c r="L13" s="824"/>
      <c r="M13" s="378"/>
    </row>
    <row r="14" spans="1:13" s="155" customFormat="1" ht="11.25" customHeight="1" x14ac:dyDescent="0.2">
      <c r="A14" s="379" t="s">
        <v>838</v>
      </c>
      <c r="B14" s="1031"/>
      <c r="C14" s="1032"/>
      <c r="D14" s="1033"/>
      <c r="E14" s="1032"/>
      <c r="F14" s="1032"/>
      <c r="G14" s="1033"/>
      <c r="H14" s="1032"/>
      <c r="I14" s="1032"/>
      <c r="J14" s="1033"/>
      <c r="K14" s="1034"/>
      <c r="L14" s="1035"/>
      <c r="M14" s="380"/>
    </row>
    <row r="15" spans="1:13" s="210" customFormat="1" ht="11.25" customHeight="1" x14ac:dyDescent="0.2">
      <c r="A15" s="53" t="s">
        <v>839</v>
      </c>
      <c r="B15" s="1036"/>
      <c r="C15" s="1037"/>
      <c r="D15" s="1038"/>
      <c r="E15" s="1039"/>
      <c r="F15" s="1037"/>
      <c r="G15" s="1038"/>
      <c r="H15" s="1039"/>
      <c r="I15" s="1037"/>
      <c r="J15" s="1038"/>
      <c r="K15" s="1040"/>
      <c r="L15" s="1041"/>
      <c r="M15" s="378"/>
    </row>
    <row r="16" spans="1:13" s="210" customFormat="1" ht="11.25" customHeight="1" x14ac:dyDescent="0.2">
      <c r="A16" s="53" t="s">
        <v>840</v>
      </c>
      <c r="B16" s="1036"/>
      <c r="C16" s="1037"/>
      <c r="D16" s="1038"/>
      <c r="E16" s="1039"/>
      <c r="F16" s="1037"/>
      <c r="G16" s="1038"/>
      <c r="H16" s="1039"/>
      <c r="I16" s="1037"/>
      <c r="J16" s="1038"/>
      <c r="K16" s="1040"/>
      <c r="L16" s="1041"/>
      <c r="M16" s="378"/>
    </row>
    <row r="17" spans="1:13" s="210" customFormat="1" ht="11.25" customHeight="1" x14ac:dyDescent="0.2">
      <c r="A17" s="53" t="s">
        <v>841</v>
      </c>
      <c r="B17" s="1026"/>
      <c r="C17" s="1027"/>
      <c r="D17" s="1028"/>
      <c r="E17" s="1027"/>
      <c r="F17" s="1027"/>
      <c r="G17" s="1028"/>
      <c r="H17" s="1027"/>
      <c r="I17" s="1027"/>
      <c r="J17" s="1028"/>
      <c r="K17" s="1029"/>
      <c r="L17" s="1030"/>
      <c r="M17" s="378"/>
    </row>
    <row r="18" spans="1:13" s="155" customFormat="1" ht="11.25" customHeight="1" x14ac:dyDescent="0.2">
      <c r="A18" s="379" t="s">
        <v>842</v>
      </c>
      <c r="B18" s="1031"/>
      <c r="C18" s="1032"/>
      <c r="D18" s="1033"/>
      <c r="E18" s="1032"/>
      <c r="F18" s="1032"/>
      <c r="G18" s="1033"/>
      <c r="H18" s="1032"/>
      <c r="I18" s="1032"/>
      <c r="J18" s="1033"/>
      <c r="K18" s="1034"/>
      <c r="L18" s="1035"/>
      <c r="M18" s="380"/>
    </row>
    <row r="19" spans="1:13" s="210" customFormat="1" ht="11.25" customHeight="1" x14ac:dyDescent="0.2">
      <c r="A19" s="53" t="s">
        <v>843</v>
      </c>
      <c r="B19" s="1036"/>
      <c r="C19" s="1037"/>
      <c r="D19" s="1038"/>
      <c r="E19" s="1039"/>
      <c r="F19" s="1037"/>
      <c r="G19" s="1038"/>
      <c r="H19" s="1039"/>
      <c r="I19" s="1037"/>
      <c r="J19" s="1038"/>
      <c r="K19" s="1040"/>
      <c r="L19" s="1041"/>
      <c r="M19" s="378"/>
    </row>
    <row r="20" spans="1:13" s="210" customFormat="1" ht="11.25" customHeight="1" x14ac:dyDescent="0.2">
      <c r="A20" s="53" t="s">
        <v>844</v>
      </c>
      <c r="B20" s="1036"/>
      <c r="C20" s="1037"/>
      <c r="D20" s="1038"/>
      <c r="E20" s="1039"/>
      <c r="F20" s="1037"/>
      <c r="G20" s="1038"/>
      <c r="H20" s="1039"/>
      <c r="I20" s="1037"/>
      <c r="J20" s="1038"/>
      <c r="K20" s="1040"/>
      <c r="L20" s="1041"/>
      <c r="M20" s="378"/>
    </row>
    <row r="21" spans="1:13" s="210" customFormat="1" ht="11.25" customHeight="1" x14ac:dyDescent="0.2">
      <c r="A21" s="53" t="s">
        <v>845</v>
      </c>
      <c r="B21" s="1026"/>
      <c r="C21" s="1027"/>
      <c r="D21" s="1028"/>
      <c r="E21" s="1027"/>
      <c r="F21" s="1027"/>
      <c r="G21" s="1028"/>
      <c r="H21" s="1027"/>
      <c r="I21" s="1027"/>
      <c r="J21" s="1028"/>
      <c r="K21" s="1029"/>
      <c r="L21" s="1030"/>
      <c r="M21" s="378"/>
    </row>
    <row r="22" spans="1:13" s="210" customFormat="1" ht="11.25" customHeight="1" x14ac:dyDescent="0.2">
      <c r="A22" s="381" t="s">
        <v>846</v>
      </c>
      <c r="B22" s="1047"/>
      <c r="C22" s="858"/>
      <c r="D22" s="859"/>
      <c r="E22" s="858"/>
      <c r="F22" s="858"/>
      <c r="G22" s="859"/>
      <c r="H22" s="858"/>
      <c r="I22" s="858"/>
      <c r="J22" s="859"/>
      <c r="K22" s="1048"/>
      <c r="L22" s="1049"/>
      <c r="M22" s="378"/>
    </row>
    <row r="23" spans="1:13" s="210" customFormat="1" ht="11.25" customHeight="1" x14ac:dyDescent="0.2">
      <c r="A23" s="382" t="s">
        <v>847</v>
      </c>
      <c r="B23" s="1047"/>
      <c r="C23" s="858"/>
      <c r="D23" s="859"/>
      <c r="E23" s="858"/>
      <c r="F23" s="858"/>
      <c r="G23" s="859"/>
      <c r="H23" s="858"/>
      <c r="I23" s="858"/>
      <c r="J23" s="859"/>
      <c r="K23" s="1048"/>
      <c r="L23" s="1049"/>
      <c r="M23" s="378"/>
    </row>
    <row r="24" spans="1:13" s="210" customFormat="1" ht="11.25" customHeight="1" x14ac:dyDescent="0.2">
      <c r="A24" s="383" t="s">
        <v>848</v>
      </c>
      <c r="B24" s="1042"/>
      <c r="C24" s="1043"/>
      <c r="D24" s="1044"/>
      <c r="E24" s="1043"/>
      <c r="F24" s="1043"/>
      <c r="G24" s="1044"/>
      <c r="H24" s="1043"/>
      <c r="I24" s="1043"/>
      <c r="J24" s="1044"/>
      <c r="K24" s="1045"/>
      <c r="L24" s="1046"/>
      <c r="M24" s="378"/>
    </row>
    <row r="25" spans="1:13" s="210" customFormat="1" ht="11.25" customHeight="1" x14ac:dyDescent="0.2">
      <c r="A25" s="53" t="s">
        <v>849</v>
      </c>
      <c r="B25" s="1036"/>
      <c r="C25" s="1037"/>
      <c r="D25" s="1038"/>
      <c r="E25" s="1039"/>
      <c r="F25" s="1037"/>
      <c r="G25" s="1038"/>
      <c r="H25" s="1039"/>
      <c r="I25" s="1037"/>
      <c r="J25" s="1038"/>
      <c r="K25" s="1040"/>
      <c r="L25" s="1041"/>
      <c r="M25" s="378"/>
    </row>
    <row r="26" spans="1:13" s="210" customFormat="1" ht="11.25" customHeight="1" x14ac:dyDescent="0.2">
      <c r="A26" s="53" t="s">
        <v>850</v>
      </c>
      <c r="B26" s="1036"/>
      <c r="C26" s="1037"/>
      <c r="D26" s="1038"/>
      <c r="E26" s="1039"/>
      <c r="F26" s="1037"/>
      <c r="G26" s="1038"/>
      <c r="H26" s="1039"/>
      <c r="I26" s="1037"/>
      <c r="J26" s="1038"/>
      <c r="K26" s="1040"/>
      <c r="L26" s="1041"/>
      <c r="M26" s="378"/>
    </row>
    <row r="27" spans="1:13" s="210" customFormat="1" ht="11.25" customHeight="1" x14ac:dyDescent="0.2">
      <c r="A27" s="384" t="s">
        <v>851</v>
      </c>
      <c r="B27" s="1026"/>
      <c r="C27" s="1027"/>
      <c r="D27" s="1028"/>
      <c r="E27" s="1027"/>
      <c r="F27" s="1027"/>
      <c r="G27" s="1028"/>
      <c r="H27" s="1027"/>
      <c r="I27" s="1027"/>
      <c r="J27" s="1028"/>
      <c r="K27" s="1029"/>
      <c r="L27" s="1030"/>
      <c r="M27" s="378"/>
    </row>
    <row r="28" spans="1:13" s="155" customFormat="1" ht="11.25" customHeight="1" x14ac:dyDescent="0.2">
      <c r="A28" s="383" t="s">
        <v>852</v>
      </c>
      <c r="B28" s="1031"/>
      <c r="C28" s="1032"/>
      <c r="D28" s="1033"/>
      <c r="E28" s="1032"/>
      <c r="F28" s="1032"/>
      <c r="G28" s="1033"/>
      <c r="H28" s="1032"/>
      <c r="I28" s="1032"/>
      <c r="J28" s="1033"/>
      <c r="K28" s="1034"/>
      <c r="L28" s="1035"/>
      <c r="M28" s="380"/>
    </row>
    <row r="29" spans="1:13" s="210" customFormat="1" ht="11.25" customHeight="1" x14ac:dyDescent="0.2">
      <c r="A29" s="53" t="s">
        <v>853</v>
      </c>
      <c r="B29" s="1036"/>
      <c r="C29" s="1037"/>
      <c r="D29" s="1038"/>
      <c r="E29" s="1039"/>
      <c r="F29" s="1037"/>
      <c r="G29" s="1038"/>
      <c r="H29" s="1039"/>
      <c r="I29" s="1037"/>
      <c r="J29" s="1038"/>
      <c r="K29" s="1040"/>
      <c r="L29" s="1041"/>
      <c r="M29" s="378"/>
    </row>
    <row r="30" spans="1:13" s="210" customFormat="1" ht="11.25" customHeight="1" x14ac:dyDescent="0.2">
      <c r="A30" s="384" t="s">
        <v>854</v>
      </c>
      <c r="B30" s="1026"/>
      <c r="C30" s="1027"/>
      <c r="D30" s="1028"/>
      <c r="E30" s="1027"/>
      <c r="F30" s="1027"/>
      <c r="G30" s="1028"/>
      <c r="H30" s="1027"/>
      <c r="I30" s="1027"/>
      <c r="J30" s="1028"/>
      <c r="K30" s="1029"/>
      <c r="L30" s="1030"/>
      <c r="M30" s="378"/>
    </row>
    <row r="31" spans="1:13" ht="5.0999999999999996" customHeight="1" x14ac:dyDescent="0.2">
      <c r="A31" s="385"/>
      <c r="B31" s="385"/>
      <c r="C31" s="385"/>
      <c r="D31" s="385"/>
      <c r="E31" s="377"/>
      <c r="F31" s="377"/>
      <c r="G31" s="377"/>
      <c r="H31" s="377"/>
      <c r="I31" s="377"/>
      <c r="J31" s="377"/>
      <c r="K31" s="386"/>
      <c r="L31" s="386"/>
      <c r="M31" s="378"/>
    </row>
    <row r="32" spans="1:13" ht="15" customHeight="1" x14ac:dyDescent="0.2">
      <c r="A32" s="372"/>
      <c r="B32" s="374" t="s">
        <v>855</v>
      </c>
      <c r="C32" s="374" t="s">
        <v>856</v>
      </c>
      <c r="D32" s="835">
        <v>2016</v>
      </c>
      <c r="E32" s="835">
        <v>2017</v>
      </c>
      <c r="F32" s="835">
        <v>2018</v>
      </c>
      <c r="G32" s="835">
        <v>2019</v>
      </c>
      <c r="H32" s="835">
        <v>2020</v>
      </c>
      <c r="I32" s="835">
        <v>2021</v>
      </c>
      <c r="J32" s="835">
        <v>2022</v>
      </c>
      <c r="K32" s="835">
        <v>2023</v>
      </c>
      <c r="L32" s="829">
        <v>2024</v>
      </c>
      <c r="M32" s="387"/>
    </row>
    <row r="33" spans="1:13" ht="11.25" customHeight="1" x14ac:dyDescent="0.2">
      <c r="A33" s="375" t="s">
        <v>857</v>
      </c>
      <c r="B33" s="370" t="s">
        <v>858</v>
      </c>
      <c r="C33" s="370" t="s">
        <v>859</v>
      </c>
      <c r="D33" s="1025"/>
      <c r="E33" s="1025"/>
      <c r="F33" s="1020"/>
      <c r="G33" s="1020"/>
      <c r="H33" s="1020"/>
      <c r="I33" s="1020"/>
      <c r="J33" s="1020"/>
      <c r="K33" s="1020"/>
      <c r="L33" s="1022"/>
      <c r="M33" s="387"/>
    </row>
    <row r="34" spans="1:13" ht="15" customHeight="1" x14ac:dyDescent="0.2">
      <c r="A34" s="373"/>
      <c r="B34" s="371"/>
      <c r="C34" s="371">
        <v>2015</v>
      </c>
      <c r="D34" s="836"/>
      <c r="E34" s="836"/>
      <c r="F34" s="1021"/>
      <c r="G34" s="1021"/>
      <c r="H34" s="1021"/>
      <c r="I34" s="1021"/>
      <c r="J34" s="1021"/>
      <c r="K34" s="1021"/>
      <c r="L34" s="1023"/>
      <c r="M34" s="387"/>
    </row>
    <row r="35" spans="1:13" ht="11.25" customHeight="1" x14ac:dyDescent="0.2">
      <c r="A35" s="270" t="s">
        <v>860</v>
      </c>
      <c r="B35" s="388"/>
      <c r="C35" s="388"/>
      <c r="D35" s="388"/>
      <c r="E35" s="388"/>
      <c r="F35" s="388"/>
      <c r="G35" s="388"/>
      <c r="H35" s="388"/>
      <c r="I35" s="388"/>
      <c r="J35" s="388"/>
      <c r="K35" s="389"/>
      <c r="L35" s="397"/>
      <c r="M35" s="390"/>
    </row>
    <row r="36" spans="1:13" ht="11.25" customHeight="1" x14ac:dyDescent="0.2">
      <c r="A36" s="53"/>
      <c r="B36" s="388"/>
      <c r="C36" s="388"/>
      <c r="D36" s="388"/>
      <c r="E36" s="388"/>
      <c r="F36" s="388"/>
      <c r="G36" s="388"/>
      <c r="H36" s="388"/>
      <c r="I36" s="388"/>
      <c r="J36" s="388"/>
      <c r="K36" s="389"/>
      <c r="L36" s="397"/>
      <c r="M36" s="390"/>
    </row>
    <row r="37" spans="1:13" ht="11.25" customHeight="1" x14ac:dyDescent="0.2">
      <c r="A37" s="270" t="s">
        <v>861</v>
      </c>
      <c r="B37" s="388"/>
      <c r="C37" s="388"/>
      <c r="D37" s="388"/>
      <c r="E37" s="388"/>
      <c r="F37" s="388"/>
      <c r="G37" s="388"/>
      <c r="H37" s="388"/>
      <c r="I37" s="388"/>
      <c r="J37" s="388"/>
      <c r="K37" s="389"/>
      <c r="L37" s="397"/>
      <c r="M37" s="390"/>
    </row>
    <row r="38" spans="1:13" ht="11.25" customHeight="1" x14ac:dyDescent="0.2">
      <c r="A38" s="53"/>
      <c r="B38" s="388"/>
      <c r="C38" s="388"/>
      <c r="D38" s="388"/>
      <c r="E38" s="388"/>
      <c r="F38" s="388"/>
      <c r="G38" s="388"/>
      <c r="H38" s="388"/>
      <c r="I38" s="388"/>
      <c r="J38" s="388"/>
      <c r="K38" s="389"/>
      <c r="L38" s="397"/>
      <c r="M38" s="390"/>
    </row>
    <row r="39" spans="1:13" ht="11.25" customHeight="1" x14ac:dyDescent="0.2">
      <c r="A39" s="381" t="s">
        <v>862</v>
      </c>
      <c r="B39" s="391"/>
      <c r="C39" s="391"/>
      <c r="D39" s="391"/>
      <c r="E39" s="391"/>
      <c r="F39" s="391"/>
      <c r="G39" s="391"/>
      <c r="H39" s="391"/>
      <c r="I39" s="391"/>
      <c r="J39" s="391"/>
      <c r="K39" s="396"/>
      <c r="L39" s="398"/>
      <c r="M39" s="390"/>
    </row>
    <row r="40" spans="1:13" ht="15.75" customHeight="1" x14ac:dyDescent="0.2">
      <c r="A40" s="382" t="s">
        <v>863</v>
      </c>
      <c r="B40" s="391"/>
      <c r="C40" s="399">
        <v>8033646432.5400028</v>
      </c>
      <c r="D40" s="391"/>
      <c r="E40" s="391"/>
      <c r="F40" s="391"/>
      <c r="G40" s="391"/>
      <c r="H40" s="391"/>
      <c r="I40" s="391"/>
      <c r="J40" s="391"/>
      <c r="K40" s="392"/>
      <c r="L40" s="398"/>
      <c r="M40" s="390"/>
    </row>
    <row r="41" spans="1:13" ht="11.25" customHeight="1" x14ac:dyDescent="0.2">
      <c r="A41" s="382" t="s">
        <v>864</v>
      </c>
      <c r="B41" s="391"/>
      <c r="C41" s="391"/>
      <c r="D41" s="391"/>
      <c r="E41" s="391"/>
      <c r="F41" s="391"/>
      <c r="G41" s="391"/>
      <c r="H41" s="391"/>
      <c r="I41" s="391"/>
      <c r="J41" s="391"/>
      <c r="K41" s="392"/>
      <c r="L41" s="398"/>
      <c r="M41" s="390"/>
    </row>
    <row r="42" spans="1:13" ht="11.25" customHeight="1" x14ac:dyDescent="0.2">
      <c r="A42" s="393" t="s">
        <v>865</v>
      </c>
      <c r="B42" s="394"/>
      <c r="C42" s="394"/>
      <c r="D42" s="394"/>
      <c r="E42" s="394"/>
      <c r="F42" s="394"/>
      <c r="G42" s="394"/>
      <c r="H42" s="394"/>
      <c r="I42" s="394"/>
      <c r="J42" s="394"/>
      <c r="K42" s="394"/>
      <c r="L42" s="394"/>
      <c r="M42" s="395"/>
    </row>
    <row r="43" spans="1:13" ht="10.5" x14ac:dyDescent="0.2">
      <c r="A43" s="64" t="s">
        <v>878</v>
      </c>
      <c r="B43" s="16"/>
      <c r="C43" s="16"/>
      <c r="D43" s="16"/>
      <c r="E43" s="16"/>
      <c r="F43" s="16"/>
      <c r="G43" s="16"/>
      <c r="H43" s="16"/>
      <c r="I43" s="16"/>
      <c r="J43" s="1019"/>
      <c r="K43" s="1019"/>
      <c r="L43" s="1019"/>
      <c r="M43" s="55"/>
    </row>
    <row r="44" spans="1:13" ht="11.25" customHeight="1" x14ac:dyDescent="0.2">
      <c r="A44" s="210"/>
    </row>
  </sheetData>
  <customSheetViews>
    <customSheetView guid="{8C4C4E05-26A9-48D7-9CF5-CBEE6AE5F4C6}" showPageBreaks="1" showGridLines="0" fitToPage="1" printArea="1" topLeftCell="A7">
      <selection activeCell="C40" sqref="C40"/>
      <pageMargins left="0.39370078740157483" right="0.39370078740157483" top="0.39370078740157483" bottom="0.39370078740157483" header="0" footer="0"/>
      <printOptions horizontalCentered="1"/>
      <pageSetup paperSize="9" scale="68" orientation="portrait" r:id="rId1"/>
      <headerFooter alignWithMargins="0"/>
    </customSheetView>
    <customSheetView guid="{6F6CE139-4C01-4DC6-BA1C-5DC7C1E4A87D}" showPageBreaks="1" showGridLines="0" fitToPage="1" printArea="1">
      <pageMargins left="0.19685039370078741" right="0.19685039370078741" top="0.39370078740157483" bottom="0.19685039370078741" header="0" footer="0"/>
      <printOptions horizontalCentered="1"/>
      <pageSetup paperSize="9" scale="70" orientation="portrait" r:id="rId2"/>
      <headerFooter alignWithMargins="0"/>
    </customSheetView>
    <customSheetView guid="{6DBFA32C-4AA4-4E1D-9A48-697377C64CC3}" showGridLines="0" fitToPage="1" topLeftCell="A25">
      <pageMargins left="0.19685039370078741" right="0.19685039370078741" top="0.39370078740157483" bottom="0.19685039370078741" header="0" footer="0"/>
      <printOptions horizontalCentered="1"/>
      <pageSetup paperSize="9" scale="70" orientation="portrait" r:id="rId3"/>
      <headerFooter alignWithMargins="0"/>
    </customSheetView>
    <customSheetView guid="{3AAF6A5F-F9AA-430B-9AD9-1261ECDF41B5}" showPageBreaks="1" showGridLines="0" fitToPage="1" printArea="1" topLeftCell="A7">
      <selection activeCell="C40" sqref="C40"/>
      <pageMargins left="0.39370078740157483" right="0.39370078740157483" top="0.39370078740157483" bottom="0.39370078740157483" header="0" footer="0"/>
      <printOptions horizontalCentered="1"/>
      <pageSetup paperSize="9" scale="68" orientation="portrait" r:id="rId4"/>
      <headerFooter alignWithMargins="0"/>
    </customSheetView>
    <customSheetView guid="{25EF1E0D-169B-4051-B414-7E1196FC05E4}" showPageBreaks="1" showGridLines="0" fitToPage="1" printArea="1">
      <selection activeCell="J43" sqref="J43:L43"/>
      <pageMargins left="0.39370078740157483" right="0.39370078740157483" top="0.39370078740157483" bottom="0.39370078740157483" header="0" footer="0"/>
      <printOptions horizontalCentered="1"/>
      <pageSetup paperSize="9" scale="68" orientation="portrait" r:id="rId5"/>
      <headerFooter alignWithMargins="0"/>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39370078740157483" right="0.39370078740157483" top="0.39370078740157483" bottom="0.39370078740157483" header="0" footer="0"/>
  <pageSetup paperSize="9" scale="67" orientation="portrait" r:id="rId6"/>
  <headerFooter alignWithMargins="0"/>
  <drawing r:id="rId7"/>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00B050"/>
    <pageSetUpPr fitToPage="1"/>
  </sheetPr>
  <dimension ref="A1:U118"/>
  <sheetViews>
    <sheetView showGridLines="0" tabSelected="1" zoomScaleNormal="100" workbookViewId="0"/>
  </sheetViews>
  <sheetFormatPr defaultColWidth="1" defaultRowHeight="11.25" customHeight="1" x14ac:dyDescent="0.2"/>
  <cols>
    <col min="1" max="1" width="92.5703125" style="1" customWidth="1"/>
    <col min="2" max="2" width="19.7109375" style="1" customWidth="1"/>
    <col min="3" max="3" width="20.7109375" style="66" customWidth="1"/>
    <col min="4" max="4" width="16.42578125" style="1" customWidth="1"/>
    <col min="5" max="5" width="17.7109375" style="1" customWidth="1"/>
    <col min="6" max="6" width="17.28515625" style="1" bestFit="1" customWidth="1"/>
    <col min="7" max="59" width="15.7109375" style="1" customWidth="1"/>
    <col min="60" max="16384" width="1" style="1"/>
  </cols>
  <sheetData>
    <row r="1" spans="1:13" s="24" customFormat="1" ht="10.5" x14ac:dyDescent="0.2">
      <c r="A1" s="296"/>
      <c r="B1" s="296"/>
      <c r="C1" s="296"/>
      <c r="D1" s="296"/>
      <c r="E1" s="296"/>
    </row>
    <row r="2" spans="1:13" s="24" customFormat="1" ht="11.25" customHeight="1" x14ac:dyDescent="0.2">
      <c r="A2" s="129"/>
    </row>
    <row r="3" spans="1:13" s="43" customFormat="1" ht="11.25" customHeight="1" x14ac:dyDescent="0.2">
      <c r="A3" s="987" t="s">
        <v>640</v>
      </c>
      <c r="B3" s="987"/>
      <c r="C3" s="987"/>
      <c r="D3" s="987"/>
      <c r="E3" s="987"/>
      <c r="F3" s="284"/>
      <c r="G3" s="284"/>
      <c r="H3" s="284"/>
      <c r="I3" s="284"/>
      <c r="J3" s="284"/>
      <c r="K3" s="284"/>
      <c r="L3" s="284"/>
      <c r="M3" s="284"/>
    </row>
    <row r="4" spans="1:13" s="43" customFormat="1" ht="11.25" customHeight="1" x14ac:dyDescent="0.2">
      <c r="A4" s="731" t="s">
        <v>251</v>
      </c>
      <c r="B4" s="731"/>
      <c r="C4" s="731"/>
      <c r="D4" s="731"/>
      <c r="E4" s="731"/>
    </row>
    <row r="5" spans="1:13" s="43" customFormat="1" ht="11.25" customHeight="1" x14ac:dyDescent="0.2">
      <c r="A5" s="987" t="s">
        <v>106</v>
      </c>
      <c r="B5" s="987"/>
      <c r="C5" s="987"/>
      <c r="D5" s="987"/>
      <c r="E5" s="987"/>
    </row>
    <row r="6" spans="1:13" s="43" customFormat="1" ht="11.25" customHeight="1" x14ac:dyDescent="0.2">
      <c r="A6" s="987" t="s">
        <v>107</v>
      </c>
      <c r="B6" s="987"/>
      <c r="C6" s="987"/>
      <c r="D6" s="987"/>
      <c r="E6" s="987"/>
    </row>
    <row r="7" spans="1:13" s="43" customFormat="1" ht="11.25" customHeight="1" x14ac:dyDescent="0.2">
      <c r="A7" s="987" t="s">
        <v>641</v>
      </c>
      <c r="B7" s="987"/>
      <c r="C7" s="987"/>
      <c r="D7" s="987"/>
      <c r="E7" s="987"/>
    </row>
    <row r="8" spans="1:13" s="43" customFormat="1" ht="11.25" customHeight="1" x14ac:dyDescent="0.2">
      <c r="A8" s="253"/>
      <c r="B8" s="253"/>
      <c r="C8" s="253"/>
      <c r="D8" s="253"/>
      <c r="E8" s="253"/>
    </row>
    <row r="9" spans="1:13" s="24" customFormat="1" ht="11.25" customHeight="1" x14ac:dyDescent="0.2">
      <c r="A9" s="24" t="s">
        <v>828</v>
      </c>
      <c r="B9" s="131"/>
      <c r="E9" s="221">
        <v>1</v>
      </c>
    </row>
    <row r="10" spans="1:13" s="24" customFormat="1" ht="21" customHeight="1" x14ac:dyDescent="0.2">
      <c r="A10" s="132" t="s">
        <v>106</v>
      </c>
      <c r="B10" s="1070" t="s">
        <v>115</v>
      </c>
      <c r="C10" s="1071"/>
      <c r="D10" s="1071"/>
      <c r="E10" s="1071"/>
    </row>
    <row r="11" spans="1:13" s="65" customFormat="1" ht="11.25" customHeight="1" x14ac:dyDescent="0.2">
      <c r="A11" s="160" t="s">
        <v>110</v>
      </c>
      <c r="B11" s="718"/>
      <c r="C11" s="837"/>
      <c r="D11" s="837"/>
      <c r="E11" s="837"/>
    </row>
    <row r="12" spans="1:13" ht="11.25" customHeight="1" x14ac:dyDescent="0.2">
      <c r="A12" s="21" t="s">
        <v>314</v>
      </c>
      <c r="B12" s="722">
        <v>13057110000</v>
      </c>
      <c r="C12" s="815"/>
      <c r="D12" s="815"/>
      <c r="E12" s="815"/>
    </row>
    <row r="13" spans="1:13" ht="11.25" customHeight="1" x14ac:dyDescent="0.2">
      <c r="A13" s="21" t="s">
        <v>315</v>
      </c>
      <c r="B13" s="722">
        <v>13072953834.65</v>
      </c>
      <c r="C13" s="815"/>
      <c r="D13" s="815"/>
      <c r="E13" s="815"/>
    </row>
    <row r="14" spans="1:13" ht="11.25" customHeight="1" x14ac:dyDescent="0.2">
      <c r="A14" s="21" t="s">
        <v>61</v>
      </c>
      <c r="B14" s="722">
        <v>1953477601.4400001</v>
      </c>
      <c r="C14" s="815"/>
      <c r="D14" s="815"/>
      <c r="E14" s="815"/>
    </row>
    <row r="15" spans="1:13" ht="11.25" customHeight="1" x14ac:dyDescent="0.2">
      <c r="A15" s="21" t="s">
        <v>62</v>
      </c>
      <c r="B15" s="722">
        <v>0</v>
      </c>
      <c r="C15" s="815"/>
      <c r="D15" s="815"/>
      <c r="E15" s="815"/>
    </row>
    <row r="16" spans="1:13" ht="11.25" customHeight="1" x14ac:dyDescent="0.2">
      <c r="A16" s="21" t="s">
        <v>63</v>
      </c>
      <c r="B16" s="722">
        <v>0</v>
      </c>
      <c r="C16" s="815"/>
      <c r="D16" s="815"/>
      <c r="E16" s="815"/>
    </row>
    <row r="17" spans="1:5" s="65" customFormat="1" ht="11.25" customHeight="1" x14ac:dyDescent="0.2">
      <c r="A17" s="160" t="s">
        <v>160</v>
      </c>
      <c r="B17" s="722"/>
      <c r="C17" s="815"/>
      <c r="D17" s="815"/>
      <c r="E17" s="815"/>
    </row>
    <row r="18" spans="1:5" ht="11.25" customHeight="1" x14ac:dyDescent="0.2">
      <c r="A18" s="19" t="s">
        <v>64</v>
      </c>
      <c r="B18" s="722">
        <v>13057110000</v>
      </c>
      <c r="C18" s="815"/>
      <c r="D18" s="815"/>
      <c r="E18" s="815"/>
    </row>
    <row r="19" spans="1:5" ht="11.25" customHeight="1" x14ac:dyDescent="0.2">
      <c r="A19" s="19" t="s">
        <v>69</v>
      </c>
      <c r="B19" s="722">
        <v>147216760</v>
      </c>
      <c r="C19" s="815"/>
      <c r="D19" s="815"/>
      <c r="E19" s="815"/>
    </row>
    <row r="20" spans="1:5" ht="11.25" customHeight="1" x14ac:dyDescent="0.2">
      <c r="A20" s="19" t="s">
        <v>65</v>
      </c>
      <c r="B20" s="722">
        <v>13204326760</v>
      </c>
      <c r="C20" s="815"/>
      <c r="D20" s="815"/>
      <c r="E20" s="815"/>
    </row>
    <row r="21" spans="1:5" ht="11.25" customHeight="1" x14ac:dyDescent="0.2">
      <c r="A21" s="19" t="s">
        <v>66</v>
      </c>
      <c r="B21" s="722">
        <v>2926431439.5500002</v>
      </c>
      <c r="C21" s="815"/>
      <c r="D21" s="815"/>
      <c r="E21" s="815"/>
    </row>
    <row r="22" spans="1:5" ht="11.25" customHeight="1" x14ac:dyDescent="0.2">
      <c r="A22" s="21" t="s">
        <v>67</v>
      </c>
      <c r="B22" s="722">
        <v>1815099321.2199998</v>
      </c>
      <c r="C22" s="815"/>
      <c r="D22" s="815"/>
      <c r="E22" s="815"/>
    </row>
    <row r="23" spans="1:5" ht="11.25" customHeight="1" x14ac:dyDescent="0.2">
      <c r="A23" s="19" t="s">
        <v>551</v>
      </c>
      <c r="B23" s="722">
        <v>1567967463.9200001</v>
      </c>
      <c r="C23" s="815"/>
      <c r="D23" s="815"/>
      <c r="E23" s="815"/>
    </row>
    <row r="24" spans="1:5" ht="11.25" customHeight="1" x14ac:dyDescent="0.2">
      <c r="A24" s="67" t="s">
        <v>68</v>
      </c>
      <c r="B24" s="764">
        <v>138378280.22000027</v>
      </c>
      <c r="C24" s="817"/>
      <c r="D24" s="817"/>
      <c r="E24" s="817"/>
    </row>
    <row r="25" spans="1:5" s="270" customFormat="1" ht="5.0999999999999996" customHeight="1" x14ac:dyDescent="0.2">
      <c r="A25" s="23"/>
      <c r="B25" s="638"/>
      <c r="C25" s="638"/>
      <c r="D25" s="638"/>
      <c r="E25" s="638"/>
    </row>
    <row r="26" spans="1:5" ht="21" customHeight="1" x14ac:dyDescent="0.2">
      <c r="A26" s="36" t="s">
        <v>254</v>
      </c>
      <c r="B26" s="740" t="s">
        <v>115</v>
      </c>
      <c r="C26" s="741"/>
      <c r="D26" s="741"/>
      <c r="E26" s="741"/>
    </row>
    <row r="27" spans="1:5" ht="11.25" customHeight="1" x14ac:dyDescent="0.2">
      <c r="A27" s="73" t="s">
        <v>252</v>
      </c>
      <c r="B27" s="929">
        <v>2926431439.5500002</v>
      </c>
      <c r="C27" s="930"/>
      <c r="D27" s="930"/>
      <c r="E27" s="930"/>
    </row>
    <row r="28" spans="1:5" ht="11.25" customHeight="1" x14ac:dyDescent="0.2">
      <c r="A28" s="68" t="s">
        <v>253</v>
      </c>
      <c r="B28" s="764">
        <v>1815099321.2199998</v>
      </c>
      <c r="C28" s="817"/>
      <c r="D28" s="817"/>
      <c r="E28" s="817"/>
    </row>
    <row r="29" spans="1:5" s="270" customFormat="1" ht="5.0999999999999996" customHeight="1" x14ac:dyDescent="0.2">
      <c r="A29" s="67"/>
      <c r="B29" s="627"/>
      <c r="C29" s="627"/>
      <c r="D29" s="627"/>
      <c r="E29" s="627"/>
    </row>
    <row r="30" spans="1:5" ht="23.25" customHeight="1" x14ac:dyDescent="0.2">
      <c r="A30" s="35" t="s">
        <v>255</v>
      </c>
      <c r="B30" s="741" t="s">
        <v>115</v>
      </c>
      <c r="C30" s="741"/>
      <c r="D30" s="741"/>
      <c r="E30" s="741"/>
    </row>
    <row r="31" spans="1:5" ht="11.25" customHeight="1" x14ac:dyDescent="0.2">
      <c r="A31" s="293" t="s">
        <v>256</v>
      </c>
      <c r="B31" s="729">
        <v>8033646432.5400028</v>
      </c>
      <c r="C31" s="1074"/>
      <c r="D31" s="1074"/>
      <c r="E31" s="1074"/>
    </row>
    <row r="32" spans="1:5" ht="5.0999999999999996" customHeight="1" x14ac:dyDescent="0.2">
      <c r="A32" s="19"/>
      <c r="B32" s="69"/>
      <c r="C32" s="70"/>
      <c r="D32" s="26"/>
    </row>
    <row r="33" spans="1:5" ht="21.75" customHeight="1" x14ac:dyDescent="0.2">
      <c r="A33" s="36" t="s">
        <v>70</v>
      </c>
      <c r="B33" s="740" t="s">
        <v>115</v>
      </c>
      <c r="C33" s="741"/>
      <c r="D33" s="741"/>
      <c r="E33" s="741"/>
    </row>
    <row r="34" spans="1:5" s="222" customFormat="1" ht="11.25" customHeight="1" x14ac:dyDescent="0.2">
      <c r="A34" s="155" t="s">
        <v>257</v>
      </c>
      <c r="B34" s="1060"/>
      <c r="C34" s="1061"/>
      <c r="D34" s="1061"/>
      <c r="E34" s="1061"/>
    </row>
    <row r="35" spans="1:5" ht="11.25" customHeight="1" x14ac:dyDescent="0.2">
      <c r="A35" s="19" t="s">
        <v>71</v>
      </c>
      <c r="B35" s="1072">
        <v>0</v>
      </c>
      <c r="C35" s="1073"/>
      <c r="D35" s="1073"/>
      <c r="E35" s="1073"/>
    </row>
    <row r="36" spans="1:5" ht="11.25" customHeight="1" x14ac:dyDescent="0.2">
      <c r="A36" s="19" t="s">
        <v>72</v>
      </c>
      <c r="B36" s="1072">
        <v>0</v>
      </c>
      <c r="C36" s="1073"/>
      <c r="D36" s="1073"/>
      <c r="E36" s="1073"/>
    </row>
    <row r="37" spans="1:5" ht="11.25" customHeight="1" x14ac:dyDescent="0.2">
      <c r="A37" s="19" t="s">
        <v>103</v>
      </c>
      <c r="B37" s="1072">
        <v>0</v>
      </c>
      <c r="C37" s="1073"/>
      <c r="D37" s="1073"/>
      <c r="E37" s="1073"/>
    </row>
    <row r="38" spans="1:5" ht="11.25" customHeight="1" x14ac:dyDescent="0.2">
      <c r="A38" s="155" t="s">
        <v>316</v>
      </c>
      <c r="B38" s="1072"/>
      <c r="C38" s="1073"/>
      <c r="D38" s="1073"/>
      <c r="E38" s="1073"/>
    </row>
    <row r="39" spans="1:5" s="65" customFormat="1" ht="11.25" customHeight="1" x14ac:dyDescent="0.2">
      <c r="A39" s="210" t="s">
        <v>73</v>
      </c>
      <c r="B39" s="1072">
        <v>88227190.429999992</v>
      </c>
      <c r="C39" s="1073"/>
      <c r="D39" s="1073"/>
      <c r="E39" s="1073"/>
    </row>
    <row r="40" spans="1:5" ht="11.25" customHeight="1" x14ac:dyDescent="0.2">
      <c r="A40" s="19" t="s">
        <v>74</v>
      </c>
      <c r="B40" s="1072">
        <v>159408096.99000004</v>
      </c>
      <c r="C40" s="1073"/>
      <c r="D40" s="1073"/>
      <c r="E40" s="1073"/>
    </row>
    <row r="41" spans="1:5" ht="11.25" customHeight="1" x14ac:dyDescent="0.2">
      <c r="A41" s="67" t="s">
        <v>104</v>
      </c>
      <c r="B41" s="1068">
        <v>-71180906.560000047</v>
      </c>
      <c r="C41" s="1069"/>
      <c r="D41" s="1069"/>
      <c r="E41" s="1069"/>
    </row>
    <row r="42" spans="1:5" ht="5.0999999999999996" customHeight="1" x14ac:dyDescent="0.2">
      <c r="A42" s="270"/>
      <c r="B42" s="270"/>
      <c r="D42" s="270"/>
      <c r="E42" s="210"/>
    </row>
    <row r="43" spans="1:5" ht="11.25" customHeight="1" x14ac:dyDescent="0.2">
      <c r="A43" s="33"/>
      <c r="B43" s="30" t="s">
        <v>260</v>
      </c>
      <c r="C43" s="30" t="s">
        <v>261</v>
      </c>
      <c r="D43" s="789" t="s">
        <v>262</v>
      </c>
      <c r="E43" s="790"/>
    </row>
    <row r="44" spans="1:5" ht="11.25" customHeight="1" x14ac:dyDescent="0.2">
      <c r="A44" s="39" t="s">
        <v>263</v>
      </c>
      <c r="B44" s="31" t="s">
        <v>264</v>
      </c>
      <c r="C44" s="31" t="s">
        <v>115</v>
      </c>
      <c r="D44" s="809"/>
      <c r="E44" s="811"/>
    </row>
    <row r="45" spans="1:5" ht="11.25" customHeight="1" x14ac:dyDescent="0.2">
      <c r="A45" s="71"/>
      <c r="B45" s="31" t="s">
        <v>265</v>
      </c>
      <c r="C45" s="841" t="s">
        <v>117</v>
      </c>
      <c r="D45" s="809" t="s">
        <v>118</v>
      </c>
      <c r="E45" s="811"/>
    </row>
    <row r="46" spans="1:5" ht="11.25" customHeight="1" x14ac:dyDescent="0.2">
      <c r="A46" s="48"/>
      <c r="B46" s="72" t="s">
        <v>116</v>
      </c>
      <c r="C46" s="780"/>
      <c r="D46" s="810"/>
      <c r="E46" s="844"/>
    </row>
    <row r="47" spans="1:5" ht="11.25" customHeight="1" x14ac:dyDescent="0.2">
      <c r="A47" s="21" t="s">
        <v>266</v>
      </c>
      <c r="B47" s="366">
        <v>-279873000</v>
      </c>
      <c r="C47" s="366">
        <v>-229599683.73000145</v>
      </c>
      <c r="D47" s="1066">
        <v>82.037096729588583</v>
      </c>
      <c r="E47" s="1067"/>
    </row>
    <row r="48" spans="1:5" ht="11.25" customHeight="1" x14ac:dyDescent="0.2">
      <c r="A48" s="68" t="s">
        <v>267</v>
      </c>
      <c r="B48" s="368">
        <v>471749000</v>
      </c>
      <c r="C48" s="630">
        <v>300269829.50000024</v>
      </c>
      <c r="D48" s="1068">
        <v>63.650337255616918</v>
      </c>
      <c r="E48" s="1069"/>
    </row>
    <row r="49" spans="1:6" ht="5.0999999999999996" customHeight="1" x14ac:dyDescent="0.2"/>
    <row r="50" spans="1:6" ht="11.25" customHeight="1" x14ac:dyDescent="0.2">
      <c r="A50" s="783" t="s">
        <v>75</v>
      </c>
      <c r="B50" s="779" t="s">
        <v>268</v>
      </c>
      <c r="C50" s="30" t="s">
        <v>269</v>
      </c>
      <c r="D50" s="32" t="s">
        <v>552</v>
      </c>
      <c r="E50" s="32" t="s">
        <v>270</v>
      </c>
    </row>
    <row r="51" spans="1:6" ht="11.25" customHeight="1" x14ac:dyDescent="0.2">
      <c r="A51" s="785"/>
      <c r="B51" s="780"/>
      <c r="C51" s="72" t="s">
        <v>115</v>
      </c>
      <c r="D51" s="37" t="s">
        <v>115</v>
      </c>
      <c r="E51" s="37" t="s">
        <v>5</v>
      </c>
    </row>
    <row r="52" spans="1:6" s="65" customFormat="1" ht="11.25" customHeight="1" x14ac:dyDescent="0.2">
      <c r="A52" s="142" t="s">
        <v>271</v>
      </c>
      <c r="B52" s="631">
        <v>145403813.37</v>
      </c>
      <c r="C52" s="340">
        <v>0</v>
      </c>
      <c r="D52" s="632">
        <v>67267298.530000016</v>
      </c>
      <c r="E52" s="632">
        <v>78136514.840000004</v>
      </c>
      <c r="F52" s="198"/>
    </row>
    <row r="53" spans="1:6" ht="11.25" customHeight="1" x14ac:dyDescent="0.2">
      <c r="A53" s="21" t="s">
        <v>272</v>
      </c>
      <c r="B53" s="226">
        <v>115280339.71000001</v>
      </c>
      <c r="C53" s="547">
        <v>0</v>
      </c>
      <c r="D53" s="547">
        <v>55603802.480000004</v>
      </c>
      <c r="E53" s="547">
        <v>59676537.230000004</v>
      </c>
    </row>
    <row r="54" spans="1:6" ht="11.25" customHeight="1" x14ac:dyDescent="0.2">
      <c r="A54" s="21" t="s">
        <v>273</v>
      </c>
      <c r="B54" s="226">
        <v>5807246.6799999997</v>
      </c>
      <c r="C54" s="547">
        <v>0</v>
      </c>
      <c r="D54" s="547">
        <v>5807246.6799999997</v>
      </c>
      <c r="E54" s="547">
        <v>0</v>
      </c>
    </row>
    <row r="55" spans="1:6" ht="11.25" customHeight="1" x14ac:dyDescent="0.2">
      <c r="A55" s="21" t="s">
        <v>274</v>
      </c>
      <c r="B55" s="226">
        <v>24195296.159999996</v>
      </c>
      <c r="C55" s="547">
        <v>0</v>
      </c>
      <c r="D55" s="547">
        <v>5836016.1899999995</v>
      </c>
      <c r="E55" s="547">
        <v>18359279.969999999</v>
      </c>
    </row>
    <row r="56" spans="1:6" ht="11.25" customHeight="1" x14ac:dyDescent="0.2">
      <c r="A56" s="21" t="s">
        <v>275</v>
      </c>
      <c r="B56" s="226">
        <v>120930.82</v>
      </c>
      <c r="C56" s="547">
        <v>0</v>
      </c>
      <c r="D56" s="547">
        <v>20233.18</v>
      </c>
      <c r="E56" s="547">
        <v>100697.64000000001</v>
      </c>
    </row>
    <row r="57" spans="1:6" s="65" customFormat="1" ht="11.25" customHeight="1" x14ac:dyDescent="0.2">
      <c r="A57" s="142" t="s">
        <v>276</v>
      </c>
      <c r="B57" s="631">
        <v>113506559.31999999</v>
      </c>
      <c r="C57" s="631">
        <v>20068.140000000003</v>
      </c>
      <c r="D57" s="631">
        <v>18793675.52</v>
      </c>
      <c r="E57" s="340">
        <v>94692815.659999982</v>
      </c>
    </row>
    <row r="58" spans="1:6" ht="11.25" customHeight="1" x14ac:dyDescent="0.2">
      <c r="A58" s="21" t="s">
        <v>272</v>
      </c>
      <c r="B58" s="226">
        <v>99243844.459999993</v>
      </c>
      <c r="C58" s="547">
        <v>20068.140000000003</v>
      </c>
      <c r="D58" s="547">
        <v>11226219.790000001</v>
      </c>
      <c r="E58" s="547">
        <v>87997556.529999986</v>
      </c>
    </row>
    <row r="59" spans="1:6" ht="11.25" customHeight="1" x14ac:dyDescent="0.2">
      <c r="A59" s="21" t="s">
        <v>273</v>
      </c>
      <c r="B59" s="226">
        <v>0</v>
      </c>
      <c r="C59" s="547">
        <v>0</v>
      </c>
      <c r="D59" s="547">
        <v>0</v>
      </c>
      <c r="E59" s="547">
        <v>0</v>
      </c>
    </row>
    <row r="60" spans="1:6" ht="11.25" customHeight="1" x14ac:dyDescent="0.2">
      <c r="A60" s="21" t="s">
        <v>274</v>
      </c>
      <c r="B60" s="226">
        <v>8303103.4199999999</v>
      </c>
      <c r="C60" s="547">
        <v>0</v>
      </c>
      <c r="D60" s="547">
        <v>5459313.5899999999</v>
      </c>
      <c r="E60" s="547">
        <v>2843789.83</v>
      </c>
    </row>
    <row r="61" spans="1:6" ht="11.25" customHeight="1" x14ac:dyDescent="0.2">
      <c r="A61" s="21" t="s">
        <v>275</v>
      </c>
      <c r="B61" s="226">
        <v>5959611.4399999995</v>
      </c>
      <c r="C61" s="547">
        <v>0</v>
      </c>
      <c r="D61" s="633">
        <v>2108142.14</v>
      </c>
      <c r="E61" s="633">
        <v>3851469.2999999993</v>
      </c>
    </row>
    <row r="62" spans="1:6" ht="11.25" customHeight="1" x14ac:dyDescent="0.2">
      <c r="A62" s="254" t="s">
        <v>170</v>
      </c>
      <c r="B62" s="634">
        <v>258910372.69</v>
      </c>
      <c r="C62" s="634">
        <v>20068.140000000003</v>
      </c>
      <c r="D62" s="634">
        <v>86060974.050000012</v>
      </c>
      <c r="E62" s="228">
        <v>172829330.5</v>
      </c>
    </row>
    <row r="63" spans="1:6" s="270" customFormat="1" ht="5.0999999999999996" customHeight="1" x14ac:dyDescent="0.2">
      <c r="A63" s="293"/>
      <c r="B63" s="628"/>
      <c r="C63" s="628"/>
      <c r="D63" s="628"/>
      <c r="E63" s="628"/>
    </row>
    <row r="64" spans="1:6" ht="11.25" customHeight="1" x14ac:dyDescent="0.2">
      <c r="A64" s="33"/>
      <c r="B64" s="835" t="s">
        <v>296</v>
      </c>
      <c r="C64" s="740" t="s">
        <v>277</v>
      </c>
      <c r="D64" s="741"/>
      <c r="E64" s="741"/>
    </row>
    <row r="65" spans="1:5" ht="11.25" customHeight="1" x14ac:dyDescent="0.2">
      <c r="A65" s="39" t="s">
        <v>76</v>
      </c>
      <c r="B65" s="1025"/>
      <c r="C65" s="32" t="s">
        <v>278</v>
      </c>
      <c r="D65" s="789" t="s">
        <v>293</v>
      </c>
      <c r="E65" s="790"/>
    </row>
    <row r="66" spans="1:5" ht="11.25" customHeight="1" x14ac:dyDescent="0.2">
      <c r="A66" s="38"/>
      <c r="B66" s="836"/>
      <c r="C66" s="72" t="s">
        <v>294</v>
      </c>
      <c r="D66" s="810"/>
      <c r="E66" s="844"/>
    </row>
    <row r="67" spans="1:5" ht="10.5" x14ac:dyDescent="0.2">
      <c r="A67" s="291" t="s">
        <v>815</v>
      </c>
      <c r="B67" s="226">
        <v>431653226.9145</v>
      </c>
      <c r="C67" s="541">
        <v>0.25</v>
      </c>
      <c r="D67" s="1062">
        <v>34.76313929169936</v>
      </c>
      <c r="E67" s="1063"/>
    </row>
    <row r="68" spans="1:5" ht="10.5" x14ac:dyDescent="0.2">
      <c r="A68" s="291" t="s">
        <v>77</v>
      </c>
      <c r="B68" s="226">
        <v>143823286.58000001</v>
      </c>
      <c r="C68" s="541">
        <v>0.6</v>
      </c>
      <c r="D68" s="1064">
        <v>91.300173479626707</v>
      </c>
      <c r="E68" s="1065"/>
    </row>
    <row r="69" spans="1:5" ht="15" customHeight="1" x14ac:dyDescent="0.2">
      <c r="A69" s="291" t="s">
        <v>78</v>
      </c>
      <c r="B69" s="226">
        <v>0</v>
      </c>
      <c r="C69" s="541">
        <v>0.6</v>
      </c>
      <c r="D69" s="1064">
        <v>0</v>
      </c>
      <c r="E69" s="1065"/>
    </row>
    <row r="70" spans="1:5" ht="10.5" x14ac:dyDescent="0.2">
      <c r="A70" s="292" t="s">
        <v>79</v>
      </c>
      <c r="B70" s="368">
        <v>0</v>
      </c>
      <c r="C70" s="635">
        <v>0</v>
      </c>
      <c r="D70" s="1064">
        <v>0</v>
      </c>
      <c r="E70" s="1065"/>
    </row>
    <row r="71" spans="1:5" ht="21.75" customHeight="1" x14ac:dyDescent="0.2">
      <c r="A71" s="33" t="s">
        <v>295</v>
      </c>
      <c r="B71" s="740" t="s">
        <v>296</v>
      </c>
      <c r="C71" s="742"/>
      <c r="D71" s="740" t="s">
        <v>348</v>
      </c>
      <c r="E71" s="741"/>
    </row>
    <row r="72" spans="1:5" ht="11.25" customHeight="1" x14ac:dyDescent="0.2">
      <c r="A72" s="20" t="s">
        <v>298</v>
      </c>
      <c r="B72" s="1066"/>
      <c r="C72" s="1067"/>
      <c r="D72" s="1066"/>
      <c r="E72" s="1067"/>
    </row>
    <row r="73" spans="1:5" ht="11.25" customHeight="1" x14ac:dyDescent="0.2">
      <c r="A73" s="68" t="s">
        <v>299</v>
      </c>
      <c r="B73" s="1068"/>
      <c r="C73" s="1069"/>
      <c r="D73" s="1068"/>
      <c r="E73" s="1069"/>
    </row>
    <row r="74" spans="1:5" s="270" customFormat="1" ht="5.0999999999999996" customHeight="1" x14ac:dyDescent="0.2">
      <c r="A74" s="23"/>
      <c r="B74" s="586"/>
      <c r="C74" s="586"/>
      <c r="D74" s="586"/>
      <c r="E74" s="586"/>
    </row>
    <row r="75" spans="1:5" ht="21.75" customHeight="1" x14ac:dyDescent="0.2">
      <c r="A75" s="36" t="s">
        <v>300</v>
      </c>
      <c r="B75" s="2" t="s">
        <v>301</v>
      </c>
      <c r="C75" s="3" t="s">
        <v>302</v>
      </c>
      <c r="D75" s="2" t="s">
        <v>303</v>
      </c>
      <c r="E75" s="34" t="s">
        <v>304</v>
      </c>
    </row>
    <row r="76" spans="1:5" s="65" customFormat="1" ht="11.25" customHeight="1" x14ac:dyDescent="0.2">
      <c r="A76" s="142" t="s">
        <v>257</v>
      </c>
      <c r="B76" s="636"/>
      <c r="C76" s="636"/>
      <c r="D76" s="636"/>
      <c r="E76" s="632"/>
    </row>
    <row r="77" spans="1:5" ht="11.25" customHeight="1" x14ac:dyDescent="0.2">
      <c r="A77" s="21" t="s">
        <v>258</v>
      </c>
      <c r="B77" s="225"/>
      <c r="C77" s="225"/>
      <c r="D77" s="225"/>
      <c r="E77" s="547"/>
    </row>
    <row r="78" spans="1:5" ht="11.25" customHeight="1" x14ac:dyDescent="0.2">
      <c r="A78" s="21" t="s">
        <v>259</v>
      </c>
      <c r="B78" s="225"/>
      <c r="C78" s="225"/>
      <c r="D78" s="225"/>
      <c r="E78" s="547"/>
    </row>
    <row r="79" spans="1:5" ht="11.25" customHeight="1" x14ac:dyDescent="0.2">
      <c r="A79" s="21" t="s">
        <v>103</v>
      </c>
      <c r="B79" s="225"/>
      <c r="C79" s="225"/>
      <c r="D79" s="225"/>
      <c r="E79" s="547"/>
    </row>
    <row r="80" spans="1:5" s="65" customFormat="1" ht="11.25" customHeight="1" x14ac:dyDescent="0.2">
      <c r="A80" s="142" t="s">
        <v>316</v>
      </c>
      <c r="B80" s="224"/>
      <c r="C80" s="224"/>
      <c r="D80" s="224"/>
      <c r="E80" s="340"/>
    </row>
    <row r="81" spans="1:21" ht="11.25" customHeight="1" x14ac:dyDescent="0.2">
      <c r="A81" s="21" t="s">
        <v>6</v>
      </c>
      <c r="B81" s="225"/>
      <c r="C81" s="225"/>
      <c r="D81" s="225"/>
      <c r="E81" s="547"/>
    </row>
    <row r="82" spans="1:21" ht="11.25" customHeight="1" x14ac:dyDescent="0.2">
      <c r="A82" s="21" t="s">
        <v>7</v>
      </c>
      <c r="B82" s="225"/>
      <c r="C82" s="225"/>
      <c r="D82" s="225"/>
      <c r="E82" s="547"/>
    </row>
    <row r="83" spans="1:21" ht="11.25" customHeight="1" x14ac:dyDescent="0.2">
      <c r="A83" s="21" t="s">
        <v>104</v>
      </c>
      <c r="B83" s="225"/>
      <c r="C83" s="225"/>
      <c r="D83" s="225"/>
      <c r="E83" s="547"/>
    </row>
    <row r="84" spans="1:21" s="270" customFormat="1" ht="5.0999999999999996" customHeight="1" x14ac:dyDescent="0.2">
      <c r="A84" s="23"/>
      <c r="B84" s="584"/>
      <c r="C84" s="584"/>
      <c r="D84" s="584"/>
      <c r="E84" s="584"/>
    </row>
    <row r="85" spans="1:21" ht="21" customHeight="1" x14ac:dyDescent="0.2">
      <c r="A85" s="36" t="s">
        <v>305</v>
      </c>
      <c r="B85" s="740" t="s">
        <v>296</v>
      </c>
      <c r="C85" s="742"/>
      <c r="D85" s="740" t="s">
        <v>297</v>
      </c>
      <c r="E85" s="741"/>
    </row>
    <row r="86" spans="1:21" ht="11.25" customHeight="1" x14ac:dyDescent="0.2">
      <c r="A86" s="21" t="s">
        <v>306</v>
      </c>
      <c r="B86" s="1056"/>
      <c r="C86" s="1057"/>
      <c r="D86" s="1056"/>
      <c r="E86" s="1057"/>
    </row>
    <row r="87" spans="1:21" ht="11.25" customHeight="1" x14ac:dyDescent="0.2">
      <c r="A87" s="68" t="s">
        <v>307</v>
      </c>
      <c r="B87" s="1058"/>
      <c r="C87" s="1059"/>
      <c r="D87" s="1058"/>
      <c r="E87" s="1059"/>
    </row>
    <row r="88" spans="1:21" ht="5.0999999999999996" customHeight="1" x14ac:dyDescent="0.2">
      <c r="A88" s="67"/>
      <c r="B88" s="67"/>
    </row>
    <row r="89" spans="1:21" ht="15" customHeight="1" x14ac:dyDescent="0.2">
      <c r="A89" s="33"/>
      <c r="B89" s="835" t="s">
        <v>814</v>
      </c>
      <c r="C89" s="740" t="s">
        <v>308</v>
      </c>
      <c r="D89" s="741"/>
      <c r="E89" s="741"/>
    </row>
    <row r="90" spans="1:21" ht="13.5" customHeight="1" x14ac:dyDescent="0.2">
      <c r="A90" s="39" t="s">
        <v>243</v>
      </c>
      <c r="B90" s="1025"/>
      <c r="C90" s="32" t="s">
        <v>278</v>
      </c>
      <c r="D90" s="789" t="s">
        <v>293</v>
      </c>
      <c r="E90" s="790"/>
    </row>
    <row r="91" spans="1:21" ht="12.75" customHeight="1" x14ac:dyDescent="0.2">
      <c r="A91" s="38"/>
      <c r="B91" s="836"/>
      <c r="C91" s="72" t="s">
        <v>294</v>
      </c>
      <c r="D91" s="810"/>
      <c r="E91" s="844"/>
    </row>
    <row r="92" spans="1:21" ht="11.25" customHeight="1" x14ac:dyDescent="0.2">
      <c r="A92" s="295" t="s">
        <v>431</v>
      </c>
      <c r="B92" s="637">
        <v>112010283.65000002</v>
      </c>
      <c r="C92" s="369">
        <v>12</v>
      </c>
      <c r="D92" s="1060">
        <v>9.0207343530388542</v>
      </c>
      <c r="E92" s="1061"/>
    </row>
    <row r="93" spans="1:21" ht="5.0999999999999996" customHeight="1" x14ac:dyDescent="0.2">
      <c r="A93" s="23"/>
      <c r="B93" s="23"/>
      <c r="C93" s="74"/>
      <c r="D93" s="23"/>
      <c r="E93" s="23"/>
    </row>
    <row r="94" spans="1:21" ht="21.75" customHeight="1" x14ac:dyDescent="0.2">
      <c r="A94" s="4" t="s">
        <v>81</v>
      </c>
      <c r="B94" s="740" t="s">
        <v>80</v>
      </c>
      <c r="C94" s="741"/>
      <c r="D94" s="741"/>
      <c r="E94" s="741"/>
    </row>
    <row r="95" spans="1:21" ht="15" customHeight="1" x14ac:dyDescent="0.2">
      <c r="A95" s="294" t="s">
        <v>210</v>
      </c>
      <c r="B95" s="851"/>
      <c r="C95" s="852"/>
      <c r="D95" s="852"/>
      <c r="E95" s="852"/>
    </row>
    <row r="96" spans="1:21" ht="10.5" x14ac:dyDescent="0.2">
      <c r="A96" s="64" t="s">
        <v>878</v>
      </c>
      <c r="B96" s="177"/>
      <c r="C96" s="177"/>
      <c r="D96" s="177"/>
      <c r="E96" s="298"/>
      <c r="F96" s="16"/>
      <c r="G96" s="16"/>
      <c r="H96" s="16"/>
      <c r="I96" s="16"/>
      <c r="J96" s="16"/>
      <c r="K96" s="16"/>
      <c r="L96" s="16"/>
      <c r="M96" s="16"/>
      <c r="N96" s="16"/>
      <c r="O96" s="16"/>
      <c r="P96" s="16"/>
      <c r="Q96" s="16"/>
      <c r="R96" s="16"/>
      <c r="S96" s="16"/>
      <c r="T96" s="16"/>
      <c r="U96" s="16"/>
    </row>
    <row r="97" spans="1:5" ht="11.25" customHeight="1" x14ac:dyDescent="0.2">
      <c r="A97" s="19"/>
    </row>
    <row r="99" spans="1:5" s="270" customFormat="1" ht="11.25" customHeight="1" x14ac:dyDescent="0.2">
      <c r="C99" s="66"/>
    </row>
    <row r="100" spans="1:5" s="270" customFormat="1" ht="11.25" customHeight="1" x14ac:dyDescent="0.2">
      <c r="C100" s="66"/>
    </row>
    <row r="103" spans="1:5" ht="11.25" customHeight="1" x14ac:dyDescent="0.2">
      <c r="A103" s="270"/>
      <c r="B103" s="270"/>
      <c r="D103" s="270"/>
      <c r="E103" s="270"/>
    </row>
    <row r="104" spans="1:5" ht="11.25" customHeight="1" x14ac:dyDescent="0.2">
      <c r="A104" s="270"/>
      <c r="B104" s="270"/>
      <c r="D104" s="270"/>
      <c r="E104" s="270"/>
    </row>
    <row r="105" spans="1:5" ht="11.25" customHeight="1" x14ac:dyDescent="0.2">
      <c r="A105" s="270"/>
      <c r="B105" s="270"/>
      <c r="D105" s="270"/>
      <c r="E105" s="270"/>
    </row>
    <row r="106" spans="1:5" ht="11.25" customHeight="1" x14ac:dyDescent="0.2">
      <c r="A106" s="270"/>
      <c r="B106" s="270"/>
      <c r="D106" s="270"/>
      <c r="E106" s="270"/>
    </row>
    <row r="107" spans="1:5" ht="11.25" customHeight="1" x14ac:dyDescent="0.2">
      <c r="A107" s="270"/>
      <c r="B107" s="270"/>
      <c r="D107" s="270"/>
      <c r="E107" s="270"/>
    </row>
    <row r="108" spans="1:5" ht="11.25" customHeight="1" x14ac:dyDescent="0.2">
      <c r="A108" s="270"/>
      <c r="B108" s="270"/>
      <c r="D108" s="270"/>
      <c r="E108" s="270"/>
    </row>
    <row r="109" spans="1:5" ht="11.25" customHeight="1" x14ac:dyDescent="0.2">
      <c r="A109" s="270"/>
      <c r="B109" s="270"/>
      <c r="D109" s="270"/>
      <c r="E109" s="270"/>
    </row>
    <row r="110" spans="1:5" ht="11.25" customHeight="1" x14ac:dyDescent="0.2">
      <c r="A110" s="270"/>
      <c r="B110" s="270"/>
      <c r="D110" s="270"/>
      <c r="E110" s="270"/>
    </row>
    <row r="111" spans="1:5" ht="11.25" customHeight="1" x14ac:dyDescent="0.2">
      <c r="A111" s="270"/>
      <c r="B111" s="270"/>
      <c r="D111" s="270"/>
      <c r="E111" s="270"/>
    </row>
    <row r="112" spans="1:5" ht="11.25" customHeight="1" x14ac:dyDescent="0.2">
      <c r="A112" s="270"/>
      <c r="B112" s="270"/>
      <c r="D112" s="270"/>
      <c r="E112" s="270"/>
    </row>
    <row r="113" spans="1:5" ht="11.25" customHeight="1" x14ac:dyDescent="0.2">
      <c r="A113" s="270"/>
      <c r="B113" s="270"/>
      <c r="D113" s="270"/>
      <c r="E113" s="270"/>
    </row>
    <row r="114" spans="1:5" ht="11.25" customHeight="1" x14ac:dyDescent="0.2">
      <c r="A114" s="270"/>
      <c r="B114" s="270"/>
      <c r="D114" s="270"/>
      <c r="E114" s="270"/>
    </row>
    <row r="115" spans="1:5" ht="11.25" customHeight="1" x14ac:dyDescent="0.2">
      <c r="A115" s="270"/>
      <c r="B115" s="270"/>
      <c r="D115" s="270"/>
      <c r="E115" s="270"/>
    </row>
    <row r="116" spans="1:5" ht="11.25" customHeight="1" x14ac:dyDescent="0.2">
      <c r="A116" s="270"/>
      <c r="B116" s="270"/>
      <c r="D116" s="270"/>
      <c r="E116" s="270"/>
    </row>
    <row r="117" spans="1:5" ht="11.25" customHeight="1" x14ac:dyDescent="0.2">
      <c r="A117" s="270"/>
      <c r="B117" s="270"/>
      <c r="D117" s="270"/>
      <c r="E117" s="270"/>
    </row>
    <row r="118" spans="1:5" ht="11.25" customHeight="1" x14ac:dyDescent="0.2">
      <c r="A118" s="270"/>
      <c r="B118" s="270"/>
      <c r="D118" s="270"/>
      <c r="E118" s="270"/>
    </row>
  </sheetData>
  <customSheetViews>
    <customSheetView guid="{8C4C4E05-26A9-48D7-9CF5-CBEE6AE5F4C6}" showPageBreaks="1" showGridLines="0" fitToPage="1" printArea="1">
      <selection activeCell="B17" sqref="B17:E17"/>
      <pageMargins left="0.39370078740157483" right="0.39370078740157483" top="0.39370078740157483" bottom="0.39370078740157483" header="0" footer="0"/>
      <printOptions horizontalCentered="1"/>
      <pageSetup paperSize="9" scale="58" orientation="portrait" r:id="rId1"/>
      <headerFooter alignWithMargins="0"/>
    </customSheetView>
    <customSheetView guid="{6F6CE139-4C01-4DC6-BA1C-5DC7C1E4A87D}" showPageBreaks="1" showGridLines="0" fitToPage="1" printArea="1">
      <pageMargins left="0.19685039370078741" right="0.19685039370078741" top="0.39370078740157483" bottom="0.19685039370078741" header="0" footer="0"/>
      <printOptions horizontalCentered="1"/>
      <pageSetup paperSize="9" scale="60" orientation="portrait" r:id="rId2"/>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3"/>
      <headerFooter alignWithMargins="0"/>
    </customSheetView>
    <customSheetView guid="{82EDB5A4-4824-4632-A540-7A52C92F04C7}"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4"/>
      <headerFooter alignWithMargins="0"/>
    </customSheetView>
    <customSheetView guid="{6DBFA32C-4AA4-4E1D-9A48-697377C64CC3}" showGridLines="0" fitToPage="1">
      <pageMargins left="0.19685039370078741" right="0.19685039370078741" top="0.39370078740157483" bottom="0.19685039370078741" header="0" footer="0"/>
      <printOptions horizontalCentered="1"/>
      <pageSetup paperSize="9" scale="60" orientation="portrait" r:id="rId5"/>
      <headerFooter alignWithMargins="0"/>
    </customSheetView>
    <customSheetView guid="{3AAF6A5F-F9AA-430B-9AD9-1261ECDF41B5}" showPageBreaks="1" showGridLines="0" fitToPage="1" printArea="1" topLeftCell="A28">
      <selection activeCell="F81" sqref="F81"/>
      <pageMargins left="0.39370078740157483" right="0.39370078740157483" top="0.39370078740157483" bottom="0.39370078740157483" header="0" footer="0"/>
      <printOptions horizontalCentered="1"/>
      <pageSetup paperSize="9" scale="58" orientation="portrait" r:id="rId6"/>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60" orientation="portrait" r:id="rId7"/>
      <headerFooter alignWithMargins="0"/>
    </customSheetView>
  </customSheetViews>
  <mergeCells count="66">
    <mergeCell ref="B64:B66"/>
    <mergeCell ref="B71:C71"/>
    <mergeCell ref="D71:E71"/>
    <mergeCell ref="B85:C85"/>
    <mergeCell ref="D85:E85"/>
    <mergeCell ref="D72:E72"/>
    <mergeCell ref="D73:E73"/>
    <mergeCell ref="B72:C72"/>
    <mergeCell ref="B73:C73"/>
    <mergeCell ref="B12:E12"/>
    <mergeCell ref="B13:E13"/>
    <mergeCell ref="B14:E14"/>
    <mergeCell ref="B15:E15"/>
    <mergeCell ref="B50:B51"/>
    <mergeCell ref="B16:E16"/>
    <mergeCell ref="D43:E44"/>
    <mergeCell ref="B23:E23"/>
    <mergeCell ref="B40:E40"/>
    <mergeCell ref="B35:E35"/>
    <mergeCell ref="B31:E31"/>
    <mergeCell ref="B41:E41"/>
    <mergeCell ref="B36:E36"/>
    <mergeCell ref="B37:E37"/>
    <mergeCell ref="B38:E38"/>
    <mergeCell ref="B39:E39"/>
    <mergeCell ref="A50:A51"/>
    <mergeCell ref="A3:E3"/>
    <mergeCell ref="A4:E4"/>
    <mergeCell ref="A5:E5"/>
    <mergeCell ref="A6:E6"/>
    <mergeCell ref="B10:E10"/>
    <mergeCell ref="B26:E26"/>
    <mergeCell ref="B30:E30"/>
    <mergeCell ref="B33:E33"/>
    <mergeCell ref="B22:E22"/>
    <mergeCell ref="B24:E24"/>
    <mergeCell ref="B27:E27"/>
    <mergeCell ref="B28:E28"/>
    <mergeCell ref="B34:E34"/>
    <mergeCell ref="B11:E11"/>
    <mergeCell ref="A7:E7"/>
    <mergeCell ref="B17:E17"/>
    <mergeCell ref="B18:E18"/>
    <mergeCell ref="B19:E19"/>
    <mergeCell ref="B20:E20"/>
    <mergeCell ref="B21:E21"/>
    <mergeCell ref="C45:C46"/>
    <mergeCell ref="D67:E67"/>
    <mergeCell ref="D68:E68"/>
    <mergeCell ref="D69:E69"/>
    <mergeCell ref="D70:E70"/>
    <mergeCell ref="C64:E64"/>
    <mergeCell ref="D45:E46"/>
    <mergeCell ref="D47:E47"/>
    <mergeCell ref="D48:E48"/>
    <mergeCell ref="D65:E66"/>
    <mergeCell ref="B86:C86"/>
    <mergeCell ref="D86:E86"/>
    <mergeCell ref="D87:E87"/>
    <mergeCell ref="B87:C87"/>
    <mergeCell ref="D92:E92"/>
    <mergeCell ref="B95:E95"/>
    <mergeCell ref="B89:B91"/>
    <mergeCell ref="D90:E91"/>
    <mergeCell ref="B94:E94"/>
    <mergeCell ref="C89:E89"/>
  </mergeCells>
  <phoneticPr fontId="0" type="noConversion"/>
  <printOptions horizontalCentered="1"/>
  <pageMargins left="0.39370078740157483" right="0.39370078740157483" top="0.39370078740157483" bottom="0.39370078740157483" header="0" footer="0"/>
  <pageSetup paperSize="9" scale="56"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N98"/>
  <sheetViews>
    <sheetView showGridLines="0" zoomScaleNormal="100" workbookViewId="0"/>
  </sheetViews>
  <sheetFormatPr defaultRowHeight="11.25" customHeight="1" x14ac:dyDescent="0.2"/>
  <cols>
    <col min="1" max="1" width="57.42578125" style="43" customWidth="1"/>
    <col min="2" max="9" width="16.5703125" style="43" bestFit="1" customWidth="1"/>
    <col min="10" max="10" width="18.5703125" style="43" customWidth="1"/>
    <col min="11" max="11" width="8" style="43" bestFit="1" customWidth="1"/>
    <col min="12" max="12" width="19" style="43" bestFit="1" customWidth="1"/>
    <col min="13" max="13" width="13.85546875" style="43" customWidth="1"/>
    <col min="14" max="14" width="18.5703125" style="43" customWidth="1"/>
    <col min="15" max="15" width="6.5703125" style="43" customWidth="1"/>
    <col min="16" max="17" width="15.42578125" style="43" customWidth="1"/>
    <col min="18" max="18" width="22" style="43" customWidth="1"/>
    <col min="19" max="19" width="13.42578125" style="43" customWidth="1"/>
    <col min="20" max="16384" width="9.140625" style="43"/>
  </cols>
  <sheetData>
    <row r="1" spans="1:14" s="24" customFormat="1" ht="10.5" x14ac:dyDescent="0.2">
      <c r="A1" s="296"/>
      <c r="B1" s="296"/>
      <c r="C1" s="296"/>
      <c r="D1" s="296"/>
      <c r="E1" s="296"/>
      <c r="F1" s="296"/>
      <c r="G1" s="296"/>
      <c r="H1" s="296"/>
      <c r="I1" s="296"/>
      <c r="J1" s="296"/>
      <c r="K1" s="296"/>
      <c r="L1" s="296"/>
    </row>
    <row r="2" spans="1:14" s="24" customFormat="1" ht="10.5" x14ac:dyDescent="0.2">
      <c r="A2" s="751"/>
      <c r="B2" s="751"/>
      <c r="C2" s="751"/>
      <c r="D2" s="751"/>
      <c r="E2" s="751"/>
      <c r="F2" s="751"/>
      <c r="G2" s="751"/>
      <c r="H2" s="751"/>
      <c r="I2" s="751"/>
      <c r="J2" s="751"/>
      <c r="K2" s="751"/>
      <c r="L2" s="751"/>
    </row>
    <row r="3" spans="1:14" ht="10.5" x14ac:dyDescent="0.2">
      <c r="A3" s="731" t="s">
        <v>640</v>
      </c>
      <c r="B3" s="731"/>
      <c r="C3" s="731"/>
      <c r="D3" s="731"/>
      <c r="E3" s="731"/>
      <c r="F3" s="731"/>
      <c r="G3" s="731"/>
      <c r="H3" s="731"/>
      <c r="I3" s="731"/>
      <c r="J3" s="731"/>
      <c r="K3" s="731"/>
      <c r="L3" s="731"/>
    </row>
    <row r="4" spans="1:14" ht="10.5" x14ac:dyDescent="0.2">
      <c r="A4" s="731" t="s">
        <v>105</v>
      </c>
      <c r="B4" s="731"/>
      <c r="C4" s="731"/>
      <c r="D4" s="731"/>
      <c r="E4" s="731"/>
      <c r="F4" s="731"/>
      <c r="G4" s="731"/>
      <c r="H4" s="731"/>
      <c r="I4" s="731"/>
      <c r="J4" s="731"/>
      <c r="K4" s="731"/>
      <c r="L4" s="731"/>
    </row>
    <row r="5" spans="1:14" ht="10.5" x14ac:dyDescent="0.2">
      <c r="A5" s="731" t="s">
        <v>106</v>
      </c>
      <c r="B5" s="731"/>
      <c r="C5" s="731"/>
      <c r="D5" s="731"/>
      <c r="E5" s="731"/>
      <c r="F5" s="731"/>
      <c r="G5" s="731"/>
      <c r="H5" s="731"/>
      <c r="I5" s="731"/>
      <c r="J5" s="731"/>
      <c r="K5" s="731"/>
      <c r="L5" s="731"/>
    </row>
    <row r="6" spans="1:14" ht="10.5" x14ac:dyDescent="0.2">
      <c r="A6" s="731" t="s">
        <v>107</v>
      </c>
      <c r="B6" s="731"/>
      <c r="C6" s="731"/>
      <c r="D6" s="731"/>
      <c r="E6" s="731"/>
      <c r="F6" s="731"/>
      <c r="G6" s="731"/>
      <c r="H6" s="731"/>
      <c r="I6" s="731"/>
      <c r="J6" s="731"/>
      <c r="K6" s="731"/>
      <c r="L6" s="731"/>
    </row>
    <row r="7" spans="1:14" ht="10.5" x14ac:dyDescent="0.2">
      <c r="A7" s="731" t="s">
        <v>641</v>
      </c>
      <c r="B7" s="731"/>
      <c r="C7" s="731"/>
      <c r="D7" s="731"/>
      <c r="E7" s="731"/>
      <c r="F7" s="731"/>
      <c r="G7" s="731"/>
      <c r="H7" s="731"/>
      <c r="I7" s="731"/>
      <c r="J7" s="731"/>
      <c r="K7" s="731"/>
      <c r="L7" s="731"/>
    </row>
    <row r="8" spans="1:14" s="24" customFormat="1" ht="10.5" x14ac:dyDescent="0.2">
      <c r="A8" s="44"/>
      <c r="B8" s="44"/>
      <c r="C8" s="44"/>
      <c r="D8" s="348"/>
      <c r="E8" s="348"/>
      <c r="F8" s="44"/>
      <c r="G8" s="44"/>
      <c r="H8" s="44"/>
      <c r="I8" s="44"/>
      <c r="J8" s="44"/>
      <c r="K8" s="44"/>
    </row>
    <row r="9" spans="1:14" s="24" customFormat="1" ht="10.5" x14ac:dyDescent="0.2">
      <c r="A9" s="24" t="s">
        <v>883</v>
      </c>
      <c r="B9" s="111"/>
      <c r="D9" s="311"/>
      <c r="E9" s="311"/>
      <c r="H9" s="130"/>
      <c r="I9" s="44"/>
      <c r="J9" s="130"/>
      <c r="L9" s="219">
        <v>1</v>
      </c>
    </row>
    <row r="10" spans="1:14" ht="14.25" customHeight="1" x14ac:dyDescent="0.2">
      <c r="A10" s="735" t="s">
        <v>537</v>
      </c>
      <c r="B10" s="736" t="s">
        <v>428</v>
      </c>
      <c r="C10" s="744"/>
      <c r="D10" s="766" t="s">
        <v>235</v>
      </c>
      <c r="E10" s="767"/>
      <c r="F10" s="740" t="s">
        <v>109</v>
      </c>
      <c r="G10" s="741"/>
      <c r="H10" s="741"/>
      <c r="I10" s="741"/>
      <c r="J10" s="741"/>
      <c r="K10" s="742"/>
      <c r="L10" s="770" t="s">
        <v>161</v>
      </c>
    </row>
    <row r="11" spans="1:14" ht="10.5" x14ac:dyDescent="0.15">
      <c r="A11" s="773"/>
      <c r="B11" s="745"/>
      <c r="C11" s="746"/>
      <c r="D11" s="768"/>
      <c r="E11" s="769"/>
      <c r="F11" s="770" t="s">
        <v>113</v>
      </c>
      <c r="G11" s="772"/>
      <c r="H11" s="686" t="s">
        <v>114</v>
      </c>
      <c r="I11" s="734" t="s">
        <v>115</v>
      </c>
      <c r="J11" s="735"/>
      <c r="K11" s="687" t="s">
        <v>114</v>
      </c>
      <c r="L11" s="771"/>
    </row>
    <row r="12" spans="1:14" ht="12.95" customHeight="1" x14ac:dyDescent="0.2">
      <c r="A12" s="774"/>
      <c r="B12" s="747"/>
      <c r="C12" s="748"/>
      <c r="D12" s="732" t="s">
        <v>116</v>
      </c>
      <c r="E12" s="733"/>
      <c r="F12" s="732" t="s">
        <v>117</v>
      </c>
      <c r="G12" s="733"/>
      <c r="H12" s="403" t="s">
        <v>118</v>
      </c>
      <c r="I12" s="732" t="s">
        <v>152</v>
      </c>
      <c r="J12" s="733"/>
      <c r="K12" s="683" t="s">
        <v>153</v>
      </c>
      <c r="L12" s="683" t="s">
        <v>154</v>
      </c>
    </row>
    <row r="13" spans="1:14" ht="10.5" x14ac:dyDescent="0.2">
      <c r="A13" s="145" t="s">
        <v>879</v>
      </c>
      <c r="B13" s="718">
        <v>1179764000</v>
      </c>
      <c r="C13" s="719"/>
      <c r="D13" s="718">
        <v>1195607834.6500001</v>
      </c>
      <c r="E13" s="719"/>
      <c r="F13" s="718">
        <v>95244938.180000007</v>
      </c>
      <c r="G13" s="719"/>
      <c r="H13" s="523">
        <v>7.9662357020169425</v>
      </c>
      <c r="I13" s="718">
        <v>95244938.180000007</v>
      </c>
      <c r="J13" s="719"/>
      <c r="K13" s="527">
        <v>7.9662357020169425</v>
      </c>
      <c r="L13" s="465">
        <v>1100362896.47</v>
      </c>
    </row>
    <row r="14" spans="1:14" ht="10.5" x14ac:dyDescent="0.2">
      <c r="A14" s="146" t="s">
        <v>8</v>
      </c>
      <c r="B14" s="720">
        <v>1179764000</v>
      </c>
      <c r="C14" s="721"/>
      <c r="D14" s="720">
        <v>1195607834.6500001</v>
      </c>
      <c r="E14" s="721"/>
      <c r="F14" s="720">
        <v>95244938.180000007</v>
      </c>
      <c r="G14" s="721"/>
      <c r="H14" s="525">
        <v>7.9662357020169425</v>
      </c>
      <c r="I14" s="720">
        <v>95244938.180000007</v>
      </c>
      <c r="J14" s="721"/>
      <c r="K14" s="527">
        <v>7.9662357020169425</v>
      </c>
      <c r="L14" s="526">
        <v>1100362896.47</v>
      </c>
    </row>
    <row r="15" spans="1:14" ht="10.5" x14ac:dyDescent="0.2">
      <c r="A15" s="146" t="s">
        <v>9</v>
      </c>
      <c r="B15" s="722">
        <v>0</v>
      </c>
      <c r="C15" s="723"/>
      <c r="D15" s="722">
        <v>0</v>
      </c>
      <c r="E15" s="723"/>
      <c r="F15" s="722">
        <v>0</v>
      </c>
      <c r="G15" s="723"/>
      <c r="H15" s="524">
        <v>0</v>
      </c>
      <c r="I15" s="722">
        <v>0</v>
      </c>
      <c r="J15" s="723"/>
      <c r="K15" s="524">
        <v>0</v>
      </c>
      <c r="L15" s="464">
        <v>0</v>
      </c>
      <c r="M15" s="26"/>
      <c r="N15" s="55"/>
    </row>
    <row r="16" spans="1:14" ht="10.5" x14ac:dyDescent="0.2">
      <c r="A16" s="27" t="s">
        <v>10</v>
      </c>
      <c r="B16" s="722">
        <v>0</v>
      </c>
      <c r="C16" s="723"/>
      <c r="D16" s="722">
        <v>0</v>
      </c>
      <c r="E16" s="723"/>
      <c r="F16" s="722">
        <v>0</v>
      </c>
      <c r="G16" s="723"/>
      <c r="H16" s="524">
        <v>0</v>
      </c>
      <c r="I16" s="722">
        <v>0</v>
      </c>
      <c r="J16" s="723"/>
      <c r="K16" s="524">
        <v>0</v>
      </c>
      <c r="L16" s="464">
        <v>0</v>
      </c>
    </row>
    <row r="17" spans="1:14" ht="10.5" x14ac:dyDescent="0.2">
      <c r="A17" s="27" t="s">
        <v>11</v>
      </c>
      <c r="B17" s="722">
        <v>0</v>
      </c>
      <c r="C17" s="723"/>
      <c r="D17" s="722">
        <v>0</v>
      </c>
      <c r="E17" s="723"/>
      <c r="F17" s="722">
        <v>0</v>
      </c>
      <c r="G17" s="723"/>
      <c r="H17" s="524">
        <v>0</v>
      </c>
      <c r="I17" s="722">
        <v>0</v>
      </c>
      <c r="J17" s="723"/>
      <c r="K17" s="524">
        <v>0</v>
      </c>
      <c r="L17" s="464">
        <v>0</v>
      </c>
    </row>
    <row r="18" spans="1:14" ht="10.5" x14ac:dyDescent="0.2">
      <c r="A18" s="27" t="s">
        <v>12</v>
      </c>
      <c r="B18" s="722">
        <v>0</v>
      </c>
      <c r="C18" s="723"/>
      <c r="D18" s="722">
        <v>0</v>
      </c>
      <c r="E18" s="723"/>
      <c r="F18" s="722">
        <v>0</v>
      </c>
      <c r="G18" s="723"/>
      <c r="H18" s="524">
        <v>0</v>
      </c>
      <c r="I18" s="722">
        <v>0</v>
      </c>
      <c r="J18" s="723"/>
      <c r="K18" s="524">
        <v>0</v>
      </c>
      <c r="L18" s="464">
        <v>0</v>
      </c>
    </row>
    <row r="19" spans="1:14" ht="10.5" x14ac:dyDescent="0.2">
      <c r="A19" s="146" t="s">
        <v>13</v>
      </c>
      <c r="B19" s="722">
        <v>1179742000</v>
      </c>
      <c r="C19" s="723"/>
      <c r="D19" s="722">
        <v>1179742000</v>
      </c>
      <c r="E19" s="723"/>
      <c r="F19" s="722">
        <v>79382103.530000001</v>
      </c>
      <c r="G19" s="723"/>
      <c r="H19" s="524">
        <v>6.7287681145538594</v>
      </c>
      <c r="I19" s="722">
        <v>79382103.530000001</v>
      </c>
      <c r="J19" s="723"/>
      <c r="K19" s="524">
        <v>6.7287681145538594</v>
      </c>
      <c r="L19" s="464">
        <v>1100359896.47</v>
      </c>
      <c r="M19" s="55"/>
      <c r="N19" s="55"/>
    </row>
    <row r="20" spans="1:14" ht="10.5" x14ac:dyDescent="0.2">
      <c r="A20" s="27" t="s">
        <v>14</v>
      </c>
      <c r="B20" s="722">
        <v>1179742000</v>
      </c>
      <c r="C20" s="723"/>
      <c r="D20" s="722">
        <v>1179742000</v>
      </c>
      <c r="E20" s="723"/>
      <c r="F20" s="722">
        <v>79382103.530000001</v>
      </c>
      <c r="G20" s="723"/>
      <c r="H20" s="524">
        <v>6.7287681145538594</v>
      </c>
      <c r="I20" s="722">
        <v>79382103.530000001</v>
      </c>
      <c r="J20" s="723"/>
      <c r="K20" s="524">
        <v>6.7287681145538594</v>
      </c>
      <c r="L20" s="464">
        <v>1100359896.47</v>
      </c>
    </row>
    <row r="21" spans="1:14" ht="10.5" x14ac:dyDescent="0.2">
      <c r="A21" s="27" t="s">
        <v>356</v>
      </c>
      <c r="B21" s="722">
        <v>0</v>
      </c>
      <c r="C21" s="723"/>
      <c r="D21" s="722">
        <v>0</v>
      </c>
      <c r="E21" s="723"/>
      <c r="F21" s="722">
        <v>0</v>
      </c>
      <c r="G21" s="723"/>
      <c r="H21" s="524">
        <v>0</v>
      </c>
      <c r="I21" s="722">
        <v>0</v>
      </c>
      <c r="J21" s="723"/>
      <c r="K21" s="524">
        <v>0</v>
      </c>
      <c r="L21" s="464">
        <v>0</v>
      </c>
    </row>
    <row r="22" spans="1:14" ht="10.5" x14ac:dyDescent="0.2">
      <c r="A22" s="27" t="s">
        <v>357</v>
      </c>
      <c r="B22" s="722">
        <v>0</v>
      </c>
      <c r="C22" s="723"/>
      <c r="D22" s="722">
        <v>0</v>
      </c>
      <c r="E22" s="723"/>
      <c r="F22" s="722">
        <v>0</v>
      </c>
      <c r="G22" s="723"/>
      <c r="H22" s="524">
        <v>0</v>
      </c>
      <c r="I22" s="722">
        <v>0</v>
      </c>
      <c r="J22" s="723"/>
      <c r="K22" s="524">
        <v>0</v>
      </c>
      <c r="L22" s="464">
        <v>0</v>
      </c>
    </row>
    <row r="23" spans="1:14" ht="10.5" x14ac:dyDescent="0.2">
      <c r="A23" s="146" t="s">
        <v>15</v>
      </c>
      <c r="B23" s="722">
        <v>0</v>
      </c>
      <c r="C23" s="723"/>
      <c r="D23" s="722">
        <v>0</v>
      </c>
      <c r="E23" s="723"/>
      <c r="F23" s="722">
        <v>0</v>
      </c>
      <c r="G23" s="723"/>
      <c r="H23" s="524">
        <v>0</v>
      </c>
      <c r="I23" s="722">
        <v>0</v>
      </c>
      <c r="J23" s="723"/>
      <c r="K23" s="524">
        <v>0</v>
      </c>
      <c r="L23" s="464">
        <v>0</v>
      </c>
    </row>
    <row r="24" spans="1:14" ht="10.5" x14ac:dyDescent="0.2">
      <c r="A24" s="27" t="s">
        <v>16</v>
      </c>
      <c r="B24" s="722">
        <v>0</v>
      </c>
      <c r="C24" s="723"/>
      <c r="D24" s="722">
        <v>0</v>
      </c>
      <c r="E24" s="723"/>
      <c r="F24" s="722">
        <v>0</v>
      </c>
      <c r="G24" s="723"/>
      <c r="H24" s="524">
        <v>0</v>
      </c>
      <c r="I24" s="722">
        <v>0</v>
      </c>
      <c r="J24" s="723"/>
      <c r="K24" s="524">
        <v>0</v>
      </c>
      <c r="L24" s="464">
        <v>0</v>
      </c>
    </row>
    <row r="25" spans="1:14" ht="10.5" x14ac:dyDescent="0.2">
      <c r="A25" s="27" t="s">
        <v>17</v>
      </c>
      <c r="B25" s="722">
        <v>0</v>
      </c>
      <c r="C25" s="723"/>
      <c r="D25" s="722">
        <v>0</v>
      </c>
      <c r="E25" s="723"/>
      <c r="F25" s="722">
        <v>0</v>
      </c>
      <c r="G25" s="723"/>
      <c r="H25" s="524">
        <v>0</v>
      </c>
      <c r="I25" s="722">
        <v>0</v>
      </c>
      <c r="J25" s="723"/>
      <c r="K25" s="524">
        <v>0</v>
      </c>
      <c r="L25" s="464">
        <v>0</v>
      </c>
    </row>
    <row r="26" spans="1:14" ht="10.5" x14ac:dyDescent="0.2">
      <c r="A26" s="27" t="s">
        <v>18</v>
      </c>
      <c r="B26" s="722">
        <v>0</v>
      </c>
      <c r="C26" s="723"/>
      <c r="D26" s="722">
        <v>0</v>
      </c>
      <c r="E26" s="723"/>
      <c r="F26" s="722">
        <v>0</v>
      </c>
      <c r="G26" s="723"/>
      <c r="H26" s="524">
        <v>0</v>
      </c>
      <c r="I26" s="722">
        <v>0</v>
      </c>
      <c r="J26" s="723"/>
      <c r="K26" s="524">
        <v>0</v>
      </c>
      <c r="L26" s="464">
        <v>0</v>
      </c>
    </row>
    <row r="27" spans="1:14" ht="10.5" x14ac:dyDescent="0.2">
      <c r="A27" s="27" t="s">
        <v>119</v>
      </c>
      <c r="B27" s="722">
        <v>0</v>
      </c>
      <c r="C27" s="723"/>
      <c r="D27" s="722">
        <v>0</v>
      </c>
      <c r="E27" s="723"/>
      <c r="F27" s="722">
        <v>0</v>
      </c>
      <c r="G27" s="723"/>
      <c r="H27" s="524">
        <v>0</v>
      </c>
      <c r="I27" s="722">
        <v>0</v>
      </c>
      <c r="J27" s="723"/>
      <c r="K27" s="524">
        <v>0</v>
      </c>
      <c r="L27" s="464">
        <v>0</v>
      </c>
    </row>
    <row r="28" spans="1:14" ht="21" x14ac:dyDescent="0.2">
      <c r="A28" s="49" t="s">
        <v>369</v>
      </c>
      <c r="B28" s="722">
        <v>0</v>
      </c>
      <c r="C28" s="723"/>
      <c r="D28" s="722">
        <v>0</v>
      </c>
      <c r="E28" s="723"/>
      <c r="F28" s="722">
        <v>0</v>
      </c>
      <c r="G28" s="723"/>
      <c r="H28" s="524">
        <v>0</v>
      </c>
      <c r="I28" s="722">
        <v>0</v>
      </c>
      <c r="J28" s="723"/>
      <c r="K28" s="524">
        <v>0</v>
      </c>
      <c r="L28" s="464">
        <v>0</v>
      </c>
    </row>
    <row r="29" spans="1:14" ht="10.5" x14ac:dyDescent="0.2">
      <c r="A29" s="49" t="s">
        <v>370</v>
      </c>
      <c r="B29" s="722">
        <v>0</v>
      </c>
      <c r="C29" s="723"/>
      <c r="D29" s="722">
        <v>0</v>
      </c>
      <c r="E29" s="723"/>
      <c r="F29" s="722">
        <v>0</v>
      </c>
      <c r="G29" s="723"/>
      <c r="H29" s="524">
        <v>0</v>
      </c>
      <c r="I29" s="722">
        <v>0</v>
      </c>
      <c r="J29" s="723"/>
      <c r="K29" s="524">
        <v>0</v>
      </c>
      <c r="L29" s="464">
        <v>0</v>
      </c>
    </row>
    <row r="30" spans="1:14" ht="10.5" x14ac:dyDescent="0.2">
      <c r="A30" s="27" t="s">
        <v>19</v>
      </c>
      <c r="B30" s="722">
        <v>0</v>
      </c>
      <c r="C30" s="723"/>
      <c r="D30" s="722">
        <v>0</v>
      </c>
      <c r="E30" s="723"/>
      <c r="F30" s="722">
        <v>0</v>
      </c>
      <c r="G30" s="723"/>
      <c r="H30" s="524">
        <v>0</v>
      </c>
      <c r="I30" s="722">
        <v>0</v>
      </c>
      <c r="J30" s="723"/>
      <c r="K30" s="524">
        <v>0</v>
      </c>
      <c r="L30" s="464">
        <v>0</v>
      </c>
    </row>
    <row r="31" spans="1:14" ht="10.5" x14ac:dyDescent="0.2">
      <c r="A31" s="146" t="s">
        <v>20</v>
      </c>
      <c r="B31" s="722">
        <v>0</v>
      </c>
      <c r="C31" s="723"/>
      <c r="D31" s="722">
        <v>0</v>
      </c>
      <c r="E31" s="723"/>
      <c r="F31" s="722">
        <v>0</v>
      </c>
      <c r="G31" s="723"/>
      <c r="H31" s="524">
        <v>0</v>
      </c>
      <c r="I31" s="722">
        <v>0</v>
      </c>
      <c r="J31" s="723"/>
      <c r="K31" s="524">
        <v>0</v>
      </c>
      <c r="L31" s="464">
        <v>0</v>
      </c>
    </row>
    <row r="32" spans="1:14" ht="10.5" x14ac:dyDescent="0.2">
      <c r="A32" s="27" t="s">
        <v>21</v>
      </c>
      <c r="B32" s="722">
        <v>0</v>
      </c>
      <c r="C32" s="723"/>
      <c r="D32" s="722">
        <v>0</v>
      </c>
      <c r="E32" s="723"/>
      <c r="F32" s="722">
        <v>0</v>
      </c>
      <c r="G32" s="723"/>
      <c r="H32" s="524">
        <v>0</v>
      </c>
      <c r="I32" s="722">
        <v>0</v>
      </c>
      <c r="J32" s="723"/>
      <c r="K32" s="524">
        <v>0</v>
      </c>
      <c r="L32" s="464">
        <v>0</v>
      </c>
    </row>
    <row r="33" spans="1:14" ht="10.5" x14ac:dyDescent="0.2">
      <c r="A33" s="27" t="s">
        <v>22</v>
      </c>
      <c r="B33" s="722">
        <v>0</v>
      </c>
      <c r="C33" s="723"/>
      <c r="D33" s="722">
        <v>0</v>
      </c>
      <c r="E33" s="723"/>
      <c r="F33" s="722">
        <v>0</v>
      </c>
      <c r="G33" s="723"/>
      <c r="H33" s="524">
        <v>0</v>
      </c>
      <c r="I33" s="722">
        <v>0</v>
      </c>
      <c r="J33" s="723"/>
      <c r="K33" s="524">
        <v>0</v>
      </c>
      <c r="L33" s="464">
        <v>0</v>
      </c>
    </row>
    <row r="34" spans="1:14" ht="10.5" x14ac:dyDescent="0.2">
      <c r="A34" s="27" t="s">
        <v>23</v>
      </c>
      <c r="B34" s="722">
        <v>0</v>
      </c>
      <c r="C34" s="723"/>
      <c r="D34" s="722">
        <v>0</v>
      </c>
      <c r="E34" s="723"/>
      <c r="F34" s="722">
        <v>0</v>
      </c>
      <c r="G34" s="723"/>
      <c r="H34" s="524">
        <v>0</v>
      </c>
      <c r="I34" s="722">
        <v>0</v>
      </c>
      <c r="J34" s="723"/>
      <c r="K34" s="524">
        <v>0</v>
      </c>
      <c r="L34" s="464">
        <v>0</v>
      </c>
    </row>
    <row r="35" spans="1:14" ht="10.5" x14ac:dyDescent="0.2">
      <c r="A35" s="146" t="s">
        <v>24</v>
      </c>
      <c r="B35" s="722">
        <v>0</v>
      </c>
      <c r="C35" s="723"/>
      <c r="D35" s="722">
        <v>0</v>
      </c>
      <c r="E35" s="723"/>
      <c r="F35" s="722">
        <v>0</v>
      </c>
      <c r="G35" s="723"/>
      <c r="H35" s="524">
        <v>0</v>
      </c>
      <c r="I35" s="722">
        <v>0</v>
      </c>
      <c r="J35" s="723"/>
      <c r="K35" s="524">
        <v>0</v>
      </c>
      <c r="L35" s="464">
        <v>0</v>
      </c>
    </row>
    <row r="36" spans="1:14" ht="10.5" x14ac:dyDescent="0.2">
      <c r="A36" s="27" t="s">
        <v>371</v>
      </c>
      <c r="B36" s="722">
        <v>0</v>
      </c>
      <c r="C36" s="723"/>
      <c r="D36" s="722">
        <v>0</v>
      </c>
      <c r="E36" s="723"/>
      <c r="F36" s="722">
        <v>0</v>
      </c>
      <c r="G36" s="723"/>
      <c r="H36" s="524">
        <v>0</v>
      </c>
      <c r="I36" s="722">
        <v>0</v>
      </c>
      <c r="J36" s="723"/>
      <c r="K36" s="524">
        <v>0</v>
      </c>
      <c r="L36" s="464">
        <v>0</v>
      </c>
    </row>
    <row r="37" spans="1:14" ht="10.5" x14ac:dyDescent="0.2">
      <c r="A37" s="27" t="s">
        <v>25</v>
      </c>
      <c r="B37" s="722">
        <v>0</v>
      </c>
      <c r="C37" s="723"/>
      <c r="D37" s="722">
        <v>0</v>
      </c>
      <c r="E37" s="723"/>
      <c r="F37" s="722">
        <v>0</v>
      </c>
      <c r="G37" s="723"/>
      <c r="H37" s="524">
        <v>0</v>
      </c>
      <c r="I37" s="722">
        <v>0</v>
      </c>
      <c r="J37" s="723"/>
      <c r="K37" s="524">
        <v>0</v>
      </c>
      <c r="L37" s="464">
        <v>0</v>
      </c>
    </row>
    <row r="38" spans="1:14" ht="10.5" x14ac:dyDescent="0.2">
      <c r="A38" s="27" t="s">
        <v>26</v>
      </c>
      <c r="B38" s="722">
        <v>0</v>
      </c>
      <c r="C38" s="723"/>
      <c r="D38" s="722">
        <v>0</v>
      </c>
      <c r="E38" s="723"/>
      <c r="F38" s="722">
        <v>0</v>
      </c>
      <c r="G38" s="723"/>
      <c r="H38" s="524">
        <v>0</v>
      </c>
      <c r="I38" s="722">
        <v>0</v>
      </c>
      <c r="J38" s="723"/>
      <c r="K38" s="524">
        <v>0</v>
      </c>
      <c r="L38" s="464">
        <v>0</v>
      </c>
    </row>
    <row r="39" spans="1:14" ht="10.5" x14ac:dyDescent="0.2">
      <c r="A39" s="50" t="s">
        <v>27</v>
      </c>
      <c r="B39" s="722">
        <v>0</v>
      </c>
      <c r="C39" s="723"/>
      <c r="D39" s="722">
        <v>0</v>
      </c>
      <c r="E39" s="723"/>
      <c r="F39" s="722">
        <v>0</v>
      </c>
      <c r="G39" s="723"/>
      <c r="H39" s="524">
        <v>0</v>
      </c>
      <c r="I39" s="722">
        <v>0</v>
      </c>
      <c r="J39" s="723"/>
      <c r="K39" s="524">
        <v>0</v>
      </c>
      <c r="L39" s="464">
        <v>0</v>
      </c>
    </row>
    <row r="40" spans="1:14" ht="10.5" x14ac:dyDescent="0.2">
      <c r="A40" s="146" t="s">
        <v>28</v>
      </c>
      <c r="B40" s="722">
        <v>3000</v>
      </c>
      <c r="C40" s="723"/>
      <c r="D40" s="722">
        <v>3000</v>
      </c>
      <c r="E40" s="723"/>
      <c r="F40" s="722">
        <v>0</v>
      </c>
      <c r="G40" s="723"/>
      <c r="H40" s="524">
        <v>0</v>
      </c>
      <c r="I40" s="722">
        <v>0</v>
      </c>
      <c r="J40" s="723"/>
      <c r="K40" s="524">
        <v>0</v>
      </c>
      <c r="L40" s="464">
        <v>3000</v>
      </c>
    </row>
    <row r="41" spans="1:14" ht="10.5" x14ac:dyDescent="0.2">
      <c r="A41" s="146" t="s">
        <v>29</v>
      </c>
      <c r="B41" s="722">
        <v>0</v>
      </c>
      <c r="C41" s="723"/>
      <c r="D41" s="722">
        <v>0</v>
      </c>
      <c r="E41" s="723"/>
      <c r="F41" s="722">
        <v>0</v>
      </c>
      <c r="G41" s="723"/>
      <c r="H41" s="524">
        <v>0</v>
      </c>
      <c r="I41" s="722">
        <v>0</v>
      </c>
      <c r="J41" s="723"/>
      <c r="K41" s="524">
        <v>0</v>
      </c>
      <c r="L41" s="464">
        <v>0</v>
      </c>
      <c r="M41" s="55"/>
      <c r="N41" s="55"/>
    </row>
    <row r="42" spans="1:14" ht="10.5" x14ac:dyDescent="0.2">
      <c r="A42" s="27" t="s">
        <v>30</v>
      </c>
      <c r="B42" s="722">
        <v>0</v>
      </c>
      <c r="C42" s="723"/>
      <c r="D42" s="722">
        <v>0</v>
      </c>
      <c r="E42" s="723"/>
      <c r="F42" s="722">
        <v>0</v>
      </c>
      <c r="G42" s="723"/>
      <c r="H42" s="524">
        <v>0</v>
      </c>
      <c r="I42" s="722">
        <v>0</v>
      </c>
      <c r="J42" s="723"/>
      <c r="K42" s="524">
        <v>0</v>
      </c>
      <c r="L42" s="464">
        <v>0</v>
      </c>
    </row>
    <row r="43" spans="1:14" ht="10.5" x14ac:dyDescent="0.2">
      <c r="A43" s="27" t="s">
        <v>31</v>
      </c>
      <c r="B43" s="722">
        <v>0</v>
      </c>
      <c r="C43" s="723"/>
      <c r="D43" s="722">
        <v>0</v>
      </c>
      <c r="E43" s="723"/>
      <c r="F43" s="722">
        <v>0</v>
      </c>
      <c r="G43" s="723"/>
      <c r="H43" s="524">
        <v>0</v>
      </c>
      <c r="I43" s="722">
        <v>0</v>
      </c>
      <c r="J43" s="723"/>
      <c r="K43" s="524">
        <v>0</v>
      </c>
      <c r="L43" s="464">
        <v>0</v>
      </c>
    </row>
    <row r="44" spans="1:14" ht="10.5" x14ac:dyDescent="0.2">
      <c r="A44" s="27" t="s">
        <v>32</v>
      </c>
      <c r="B44" s="722">
        <v>0</v>
      </c>
      <c r="C44" s="723"/>
      <c r="D44" s="722">
        <v>0</v>
      </c>
      <c r="E44" s="723"/>
      <c r="F44" s="722">
        <v>0</v>
      </c>
      <c r="G44" s="723"/>
      <c r="H44" s="524">
        <v>0</v>
      </c>
      <c r="I44" s="722">
        <v>0</v>
      </c>
      <c r="J44" s="723"/>
      <c r="K44" s="524">
        <v>0</v>
      </c>
      <c r="L44" s="464">
        <v>0</v>
      </c>
    </row>
    <row r="45" spans="1:14" ht="10.5" x14ac:dyDescent="0.2">
      <c r="A45" s="27" t="s">
        <v>33</v>
      </c>
      <c r="B45" s="722">
        <v>0</v>
      </c>
      <c r="C45" s="723"/>
      <c r="D45" s="722">
        <v>0</v>
      </c>
      <c r="E45" s="723"/>
      <c r="F45" s="722">
        <v>0</v>
      </c>
      <c r="G45" s="723"/>
      <c r="H45" s="524">
        <v>0</v>
      </c>
      <c r="I45" s="722">
        <v>0</v>
      </c>
      <c r="J45" s="723"/>
      <c r="K45" s="524">
        <v>0</v>
      </c>
      <c r="L45" s="464">
        <v>0</v>
      </c>
    </row>
    <row r="46" spans="1:14" ht="10.5" x14ac:dyDescent="0.2">
      <c r="A46" s="27" t="s">
        <v>34</v>
      </c>
      <c r="B46" s="722">
        <v>0</v>
      </c>
      <c r="C46" s="723"/>
      <c r="D46" s="722">
        <v>0</v>
      </c>
      <c r="E46" s="723"/>
      <c r="F46" s="722">
        <v>0</v>
      </c>
      <c r="G46" s="723"/>
      <c r="H46" s="524">
        <v>0</v>
      </c>
      <c r="I46" s="722">
        <v>0</v>
      </c>
      <c r="J46" s="723"/>
      <c r="K46" s="524">
        <v>0</v>
      </c>
      <c r="L46" s="464">
        <v>0</v>
      </c>
    </row>
    <row r="47" spans="1:14" ht="10.5" x14ac:dyDescent="0.2">
      <c r="A47" s="51" t="s">
        <v>35</v>
      </c>
      <c r="B47" s="722">
        <v>0</v>
      </c>
      <c r="C47" s="723"/>
      <c r="D47" s="722">
        <v>0</v>
      </c>
      <c r="E47" s="723"/>
      <c r="F47" s="722">
        <v>0</v>
      </c>
      <c r="G47" s="723"/>
      <c r="H47" s="524">
        <v>0</v>
      </c>
      <c r="I47" s="722">
        <v>0</v>
      </c>
      <c r="J47" s="723"/>
      <c r="K47" s="524">
        <v>0</v>
      </c>
      <c r="L47" s="464">
        <v>0</v>
      </c>
    </row>
    <row r="48" spans="1:14" ht="10.5" x14ac:dyDescent="0.2">
      <c r="A48" s="146" t="s">
        <v>36</v>
      </c>
      <c r="B48" s="722">
        <v>19000</v>
      </c>
      <c r="C48" s="723"/>
      <c r="D48" s="722">
        <v>15862834.65</v>
      </c>
      <c r="E48" s="723"/>
      <c r="F48" s="722">
        <v>15862834.65</v>
      </c>
      <c r="G48" s="723"/>
      <c r="H48" s="524">
        <v>100</v>
      </c>
      <c r="I48" s="722">
        <v>15862834.65</v>
      </c>
      <c r="J48" s="723"/>
      <c r="K48" s="524">
        <v>100</v>
      </c>
      <c r="L48" s="464">
        <v>0</v>
      </c>
    </row>
    <row r="49" spans="1:14" ht="10.5" x14ac:dyDescent="0.2">
      <c r="A49" s="27" t="s">
        <v>37</v>
      </c>
      <c r="B49" s="722">
        <v>19000</v>
      </c>
      <c r="C49" s="723"/>
      <c r="D49" s="722">
        <v>0</v>
      </c>
      <c r="E49" s="723"/>
      <c r="F49" s="722">
        <v>0</v>
      </c>
      <c r="G49" s="723"/>
      <c r="H49" s="524">
        <v>0</v>
      </c>
      <c r="I49" s="722">
        <v>0</v>
      </c>
      <c r="J49" s="723"/>
      <c r="K49" s="524">
        <v>0</v>
      </c>
      <c r="L49" s="464">
        <v>0</v>
      </c>
    </row>
    <row r="50" spans="1:14" ht="10.5" x14ac:dyDescent="0.2">
      <c r="A50" s="27" t="s">
        <v>38</v>
      </c>
      <c r="B50" s="722">
        <v>0</v>
      </c>
      <c r="C50" s="723"/>
      <c r="D50" s="722">
        <v>0</v>
      </c>
      <c r="E50" s="723"/>
      <c r="F50" s="722">
        <v>0</v>
      </c>
      <c r="G50" s="723"/>
      <c r="H50" s="524">
        <v>0</v>
      </c>
      <c r="I50" s="722">
        <v>0</v>
      </c>
      <c r="J50" s="723"/>
      <c r="K50" s="524">
        <v>0</v>
      </c>
      <c r="L50" s="464">
        <v>0</v>
      </c>
    </row>
    <row r="51" spans="1:14" ht="10.5" x14ac:dyDescent="0.2">
      <c r="A51" s="27" t="s">
        <v>39</v>
      </c>
      <c r="B51" s="722">
        <v>0</v>
      </c>
      <c r="C51" s="723"/>
      <c r="D51" s="722">
        <v>0</v>
      </c>
      <c r="E51" s="723"/>
      <c r="F51" s="722">
        <v>0</v>
      </c>
      <c r="G51" s="723"/>
      <c r="H51" s="524">
        <v>0</v>
      </c>
      <c r="I51" s="722">
        <v>0</v>
      </c>
      <c r="J51" s="723"/>
      <c r="K51" s="524">
        <v>0</v>
      </c>
      <c r="L51" s="464">
        <v>0</v>
      </c>
    </row>
    <row r="52" spans="1:14" ht="21" x14ac:dyDescent="0.2">
      <c r="A52" s="49" t="s">
        <v>372</v>
      </c>
      <c r="B52" s="722">
        <v>0</v>
      </c>
      <c r="C52" s="723"/>
      <c r="D52" s="722">
        <v>0</v>
      </c>
      <c r="E52" s="723"/>
      <c r="F52" s="722">
        <v>0</v>
      </c>
      <c r="G52" s="723"/>
      <c r="H52" s="524">
        <v>0</v>
      </c>
      <c r="I52" s="722">
        <v>0</v>
      </c>
      <c r="J52" s="723"/>
      <c r="K52" s="524">
        <v>0</v>
      </c>
      <c r="L52" s="464">
        <v>0</v>
      </c>
    </row>
    <row r="53" spans="1:14" ht="10.5" x14ac:dyDescent="0.2">
      <c r="A53" s="51" t="s">
        <v>54</v>
      </c>
      <c r="B53" s="722">
        <v>0</v>
      </c>
      <c r="C53" s="723"/>
      <c r="D53" s="722">
        <v>15862834.65</v>
      </c>
      <c r="E53" s="723"/>
      <c r="F53" s="722">
        <v>15862834.65</v>
      </c>
      <c r="G53" s="723"/>
      <c r="H53" s="524">
        <v>100</v>
      </c>
      <c r="I53" s="722">
        <v>15862834.65</v>
      </c>
      <c r="J53" s="723"/>
      <c r="K53" s="524">
        <v>100</v>
      </c>
      <c r="L53" s="464">
        <v>0</v>
      </c>
    </row>
    <row r="54" spans="1:14" ht="10.5" x14ac:dyDescent="0.2">
      <c r="A54" s="146" t="s">
        <v>40</v>
      </c>
      <c r="B54" s="720">
        <v>0</v>
      </c>
      <c r="C54" s="721"/>
      <c r="D54" s="720">
        <v>0</v>
      </c>
      <c r="E54" s="721"/>
      <c r="F54" s="720">
        <v>0</v>
      </c>
      <c r="G54" s="721"/>
      <c r="H54" s="527">
        <v>0</v>
      </c>
      <c r="I54" s="720">
        <v>0</v>
      </c>
      <c r="J54" s="721"/>
      <c r="K54" s="527">
        <v>0</v>
      </c>
      <c r="L54" s="528">
        <v>0</v>
      </c>
    </row>
    <row r="55" spans="1:14" ht="10.5" x14ac:dyDescent="0.2">
      <c r="A55" s="146" t="s">
        <v>41</v>
      </c>
      <c r="B55" s="722">
        <v>0</v>
      </c>
      <c r="C55" s="723"/>
      <c r="D55" s="722">
        <v>0</v>
      </c>
      <c r="E55" s="723"/>
      <c r="F55" s="722">
        <v>0</v>
      </c>
      <c r="G55" s="723"/>
      <c r="H55" s="524">
        <v>0</v>
      </c>
      <c r="I55" s="722">
        <v>0</v>
      </c>
      <c r="J55" s="723"/>
      <c r="K55" s="524">
        <v>0</v>
      </c>
      <c r="L55" s="464">
        <v>0</v>
      </c>
    </row>
    <row r="56" spans="1:14" ht="10.5" x14ac:dyDescent="0.2">
      <c r="A56" s="27" t="s">
        <v>42</v>
      </c>
      <c r="B56" s="722">
        <v>0</v>
      </c>
      <c r="C56" s="723"/>
      <c r="D56" s="722">
        <v>0</v>
      </c>
      <c r="E56" s="723"/>
      <c r="F56" s="722">
        <v>0</v>
      </c>
      <c r="G56" s="723"/>
      <c r="H56" s="524">
        <v>0</v>
      </c>
      <c r="I56" s="722">
        <v>0</v>
      </c>
      <c r="J56" s="723"/>
      <c r="K56" s="524">
        <v>0</v>
      </c>
      <c r="L56" s="464">
        <v>0</v>
      </c>
    </row>
    <row r="57" spans="1:14" ht="10.5" x14ac:dyDescent="0.2">
      <c r="A57" s="27" t="s">
        <v>43</v>
      </c>
      <c r="B57" s="722">
        <v>0</v>
      </c>
      <c r="C57" s="723"/>
      <c r="D57" s="722">
        <v>0</v>
      </c>
      <c r="E57" s="723"/>
      <c r="F57" s="722">
        <v>0</v>
      </c>
      <c r="G57" s="723"/>
      <c r="H57" s="524">
        <v>0</v>
      </c>
      <c r="I57" s="722">
        <v>0</v>
      </c>
      <c r="J57" s="723"/>
      <c r="K57" s="524">
        <v>0</v>
      </c>
      <c r="L57" s="464">
        <v>0</v>
      </c>
    </row>
    <row r="58" spans="1:14" ht="10.5" x14ac:dyDescent="0.2">
      <c r="A58" s="146" t="s">
        <v>44</v>
      </c>
      <c r="B58" s="722">
        <v>0</v>
      </c>
      <c r="C58" s="723"/>
      <c r="D58" s="722">
        <v>0</v>
      </c>
      <c r="E58" s="723"/>
      <c r="F58" s="722">
        <v>0</v>
      </c>
      <c r="G58" s="723"/>
      <c r="H58" s="524">
        <v>0</v>
      </c>
      <c r="I58" s="722">
        <v>0</v>
      </c>
      <c r="J58" s="723"/>
      <c r="K58" s="524">
        <v>0</v>
      </c>
      <c r="L58" s="464">
        <v>0</v>
      </c>
      <c r="M58" s="55"/>
      <c r="N58" s="55"/>
    </row>
    <row r="59" spans="1:14" ht="10.5" x14ac:dyDescent="0.2">
      <c r="A59" s="27" t="s">
        <v>45</v>
      </c>
      <c r="B59" s="722">
        <v>0</v>
      </c>
      <c r="C59" s="723"/>
      <c r="D59" s="722">
        <v>0</v>
      </c>
      <c r="E59" s="723"/>
      <c r="F59" s="722">
        <v>0</v>
      </c>
      <c r="G59" s="723"/>
      <c r="H59" s="524">
        <v>0</v>
      </c>
      <c r="I59" s="722">
        <v>0</v>
      </c>
      <c r="J59" s="723"/>
      <c r="K59" s="524">
        <v>0</v>
      </c>
      <c r="L59" s="464">
        <v>0</v>
      </c>
    </row>
    <row r="60" spans="1:14" ht="10.5" x14ac:dyDescent="0.2">
      <c r="A60" s="27" t="s">
        <v>46</v>
      </c>
      <c r="B60" s="722">
        <v>0</v>
      </c>
      <c r="C60" s="723"/>
      <c r="D60" s="722">
        <v>0</v>
      </c>
      <c r="E60" s="723"/>
      <c r="F60" s="722">
        <v>0</v>
      </c>
      <c r="G60" s="723"/>
      <c r="H60" s="524">
        <v>0</v>
      </c>
      <c r="I60" s="722">
        <v>0</v>
      </c>
      <c r="J60" s="723"/>
      <c r="K60" s="524">
        <v>0</v>
      </c>
      <c r="L60" s="464">
        <v>0</v>
      </c>
    </row>
    <row r="61" spans="1:14" ht="10.5" x14ac:dyDescent="0.2">
      <c r="A61" s="146" t="s">
        <v>47</v>
      </c>
      <c r="B61" s="722">
        <v>0</v>
      </c>
      <c r="C61" s="723"/>
      <c r="D61" s="722">
        <v>0</v>
      </c>
      <c r="E61" s="723"/>
      <c r="F61" s="722">
        <v>0</v>
      </c>
      <c r="G61" s="723"/>
      <c r="H61" s="524">
        <v>0</v>
      </c>
      <c r="I61" s="722">
        <v>0</v>
      </c>
      <c r="J61" s="723"/>
      <c r="K61" s="524">
        <v>0</v>
      </c>
      <c r="L61" s="464">
        <v>0</v>
      </c>
    </row>
    <row r="62" spans="1:14" ht="10.5" x14ac:dyDescent="0.2">
      <c r="A62" s="146" t="s">
        <v>48</v>
      </c>
      <c r="B62" s="722">
        <v>0</v>
      </c>
      <c r="C62" s="723"/>
      <c r="D62" s="722">
        <v>0</v>
      </c>
      <c r="E62" s="723"/>
      <c r="F62" s="722">
        <v>0</v>
      </c>
      <c r="G62" s="723"/>
      <c r="H62" s="524">
        <v>0</v>
      </c>
      <c r="I62" s="722">
        <v>0</v>
      </c>
      <c r="J62" s="723"/>
      <c r="K62" s="524">
        <v>0</v>
      </c>
      <c r="L62" s="464">
        <v>0</v>
      </c>
      <c r="M62" s="55"/>
      <c r="N62" s="55"/>
    </row>
    <row r="63" spans="1:14" ht="10.5" x14ac:dyDescent="0.2">
      <c r="A63" s="27" t="s">
        <v>30</v>
      </c>
      <c r="B63" s="722">
        <v>0</v>
      </c>
      <c r="C63" s="723"/>
      <c r="D63" s="722">
        <v>0</v>
      </c>
      <c r="E63" s="723"/>
      <c r="F63" s="722">
        <v>0</v>
      </c>
      <c r="G63" s="723"/>
      <c r="H63" s="524">
        <v>0</v>
      </c>
      <c r="I63" s="722">
        <v>0</v>
      </c>
      <c r="J63" s="723"/>
      <c r="K63" s="524">
        <v>0</v>
      </c>
      <c r="L63" s="464">
        <v>0</v>
      </c>
    </row>
    <row r="64" spans="1:14" ht="10.5" x14ac:dyDescent="0.2">
      <c r="A64" s="27" t="s">
        <v>31</v>
      </c>
      <c r="B64" s="722">
        <v>0</v>
      </c>
      <c r="C64" s="723"/>
      <c r="D64" s="722">
        <v>0</v>
      </c>
      <c r="E64" s="723"/>
      <c r="F64" s="722">
        <v>0</v>
      </c>
      <c r="G64" s="723"/>
      <c r="H64" s="524">
        <v>0</v>
      </c>
      <c r="I64" s="722">
        <v>0</v>
      </c>
      <c r="J64" s="723"/>
      <c r="K64" s="524">
        <v>0</v>
      </c>
      <c r="L64" s="464">
        <v>0</v>
      </c>
    </row>
    <row r="65" spans="1:12" ht="10.5" x14ac:dyDescent="0.2">
      <c r="A65" s="27" t="s">
        <v>32</v>
      </c>
      <c r="B65" s="722">
        <v>0</v>
      </c>
      <c r="C65" s="723"/>
      <c r="D65" s="722">
        <v>0</v>
      </c>
      <c r="E65" s="723"/>
      <c r="F65" s="722">
        <v>0</v>
      </c>
      <c r="G65" s="723"/>
      <c r="H65" s="524">
        <v>0</v>
      </c>
      <c r="I65" s="722">
        <v>0</v>
      </c>
      <c r="J65" s="723"/>
      <c r="K65" s="524">
        <v>0</v>
      </c>
      <c r="L65" s="464">
        <v>0</v>
      </c>
    </row>
    <row r="66" spans="1:12" ht="10.5" x14ac:dyDescent="0.2">
      <c r="A66" s="27" t="s">
        <v>33</v>
      </c>
      <c r="B66" s="722">
        <v>0</v>
      </c>
      <c r="C66" s="723"/>
      <c r="D66" s="722">
        <v>0</v>
      </c>
      <c r="E66" s="723"/>
      <c r="F66" s="722">
        <v>0</v>
      </c>
      <c r="G66" s="723"/>
      <c r="H66" s="524">
        <v>0</v>
      </c>
      <c r="I66" s="722">
        <v>0</v>
      </c>
      <c r="J66" s="723"/>
      <c r="K66" s="524">
        <v>0</v>
      </c>
      <c r="L66" s="464">
        <v>0</v>
      </c>
    </row>
    <row r="67" spans="1:12" ht="10.5" x14ac:dyDescent="0.2">
      <c r="A67" s="52" t="s">
        <v>49</v>
      </c>
      <c r="B67" s="722">
        <v>0</v>
      </c>
      <c r="C67" s="723"/>
      <c r="D67" s="722">
        <v>0</v>
      </c>
      <c r="E67" s="723"/>
      <c r="F67" s="722">
        <v>0</v>
      </c>
      <c r="G67" s="723"/>
      <c r="H67" s="524">
        <v>0</v>
      </c>
      <c r="I67" s="722">
        <v>0</v>
      </c>
      <c r="J67" s="723"/>
      <c r="K67" s="524">
        <v>0</v>
      </c>
      <c r="L67" s="464">
        <v>0</v>
      </c>
    </row>
    <row r="68" spans="1:12" ht="10.5" x14ac:dyDescent="0.2">
      <c r="A68" s="52" t="s">
        <v>34</v>
      </c>
      <c r="B68" s="722">
        <v>0</v>
      </c>
      <c r="C68" s="723"/>
      <c r="D68" s="722">
        <v>0</v>
      </c>
      <c r="E68" s="723"/>
      <c r="F68" s="722">
        <v>0</v>
      </c>
      <c r="G68" s="723"/>
      <c r="H68" s="524">
        <v>0</v>
      </c>
      <c r="I68" s="722">
        <v>0</v>
      </c>
      <c r="J68" s="723"/>
      <c r="K68" s="524">
        <v>0</v>
      </c>
      <c r="L68" s="464">
        <v>0</v>
      </c>
    </row>
    <row r="69" spans="1:12" ht="10.5" x14ac:dyDescent="0.2">
      <c r="A69" s="52" t="s">
        <v>35</v>
      </c>
      <c r="B69" s="722">
        <v>0</v>
      </c>
      <c r="C69" s="723"/>
      <c r="D69" s="722">
        <v>0</v>
      </c>
      <c r="E69" s="723"/>
      <c r="F69" s="722">
        <v>0</v>
      </c>
      <c r="G69" s="723"/>
      <c r="H69" s="524">
        <v>0</v>
      </c>
      <c r="I69" s="722">
        <v>0</v>
      </c>
      <c r="J69" s="723"/>
      <c r="K69" s="524">
        <v>0</v>
      </c>
      <c r="L69" s="464">
        <v>0</v>
      </c>
    </row>
    <row r="70" spans="1:12" ht="10.5" x14ac:dyDescent="0.2">
      <c r="A70" s="146" t="s">
        <v>50</v>
      </c>
      <c r="B70" s="722">
        <v>0</v>
      </c>
      <c r="C70" s="723"/>
      <c r="D70" s="722">
        <v>0</v>
      </c>
      <c r="E70" s="723"/>
      <c r="F70" s="722">
        <v>0</v>
      </c>
      <c r="G70" s="723"/>
      <c r="H70" s="524">
        <v>0</v>
      </c>
      <c r="I70" s="722">
        <v>0</v>
      </c>
      <c r="J70" s="723"/>
      <c r="K70" s="524">
        <v>0</v>
      </c>
      <c r="L70" s="464">
        <v>0</v>
      </c>
    </row>
    <row r="71" spans="1:12" ht="10.5" x14ac:dyDescent="0.2">
      <c r="A71" s="27" t="s">
        <v>51</v>
      </c>
      <c r="B71" s="722">
        <v>0</v>
      </c>
      <c r="C71" s="723"/>
      <c r="D71" s="722">
        <v>0</v>
      </c>
      <c r="E71" s="723"/>
      <c r="F71" s="722">
        <v>0</v>
      </c>
      <c r="G71" s="723"/>
      <c r="H71" s="524">
        <v>0</v>
      </c>
      <c r="I71" s="722">
        <v>0</v>
      </c>
      <c r="J71" s="723"/>
      <c r="K71" s="524">
        <v>0</v>
      </c>
      <c r="L71" s="464">
        <v>0</v>
      </c>
    </row>
    <row r="72" spans="1:12" ht="10.5" x14ac:dyDescent="0.2">
      <c r="A72" s="53" t="s">
        <v>52</v>
      </c>
      <c r="B72" s="722">
        <v>0</v>
      </c>
      <c r="C72" s="723"/>
      <c r="D72" s="722">
        <v>0</v>
      </c>
      <c r="E72" s="723"/>
      <c r="F72" s="722">
        <v>0</v>
      </c>
      <c r="G72" s="723"/>
      <c r="H72" s="524">
        <v>0</v>
      </c>
      <c r="I72" s="722">
        <v>0</v>
      </c>
      <c r="J72" s="723"/>
      <c r="K72" s="524">
        <v>0</v>
      </c>
      <c r="L72" s="464">
        <v>0</v>
      </c>
    </row>
    <row r="73" spans="1:12" ht="10.5" x14ac:dyDescent="0.2">
      <c r="A73" s="685" t="s">
        <v>53</v>
      </c>
      <c r="B73" s="764">
        <v>0</v>
      </c>
      <c r="C73" s="765"/>
      <c r="D73" s="764">
        <v>0</v>
      </c>
      <c r="E73" s="765"/>
      <c r="F73" s="764">
        <v>0</v>
      </c>
      <c r="G73" s="765"/>
      <c r="H73" s="538">
        <v>0</v>
      </c>
      <c r="I73" s="764">
        <v>0</v>
      </c>
      <c r="J73" s="765"/>
      <c r="K73" s="538">
        <v>0</v>
      </c>
      <c r="L73" s="518">
        <v>0</v>
      </c>
    </row>
    <row r="74" spans="1:12" ht="5.0999999999999996" customHeight="1" x14ac:dyDescent="0.2">
      <c r="F74" s="55"/>
      <c r="G74" s="55"/>
      <c r="H74" s="55"/>
      <c r="I74" s="55"/>
      <c r="J74" s="55"/>
      <c r="K74" s="55"/>
      <c r="L74" s="55"/>
    </row>
    <row r="75" spans="1:12" ht="5.0999999999999996" customHeight="1" x14ac:dyDescent="0.2">
      <c r="F75" s="55"/>
      <c r="G75" s="55"/>
      <c r="H75" s="55"/>
      <c r="I75" s="55"/>
      <c r="J75" s="55"/>
      <c r="K75" s="55"/>
      <c r="L75" s="55"/>
    </row>
    <row r="76" spans="1:12" ht="12" customHeight="1" x14ac:dyDescent="0.2">
      <c r="A76" s="694" t="s">
        <v>538</v>
      </c>
      <c r="B76" s="681" t="s">
        <v>157</v>
      </c>
      <c r="C76" s="681" t="s">
        <v>157</v>
      </c>
      <c r="D76" s="707" t="s">
        <v>158</v>
      </c>
      <c r="E76" s="717"/>
      <c r="F76" s="727" t="s">
        <v>161</v>
      </c>
      <c r="G76" s="707" t="s">
        <v>159</v>
      </c>
      <c r="H76" s="708"/>
      <c r="I76" s="758" t="s">
        <v>161</v>
      </c>
      <c r="J76" s="760" t="s">
        <v>536</v>
      </c>
      <c r="K76" s="709" t="s">
        <v>638</v>
      </c>
      <c r="L76" s="710"/>
    </row>
    <row r="77" spans="1:12" ht="10.5" x14ac:dyDescent="0.2">
      <c r="A77" s="695"/>
      <c r="B77" s="682" t="s">
        <v>111</v>
      </c>
      <c r="C77" s="682" t="s">
        <v>112</v>
      </c>
      <c r="D77" s="58" t="s">
        <v>432</v>
      </c>
      <c r="E77" s="58" t="s">
        <v>433</v>
      </c>
      <c r="F77" s="728"/>
      <c r="G77" s="58" t="s">
        <v>432</v>
      </c>
      <c r="H77" s="59" t="s">
        <v>433</v>
      </c>
      <c r="I77" s="759"/>
      <c r="J77" s="761"/>
      <c r="K77" s="711"/>
      <c r="L77" s="712"/>
    </row>
    <row r="78" spans="1:12" ht="10.5" x14ac:dyDescent="0.2">
      <c r="A78" s="695"/>
      <c r="B78" s="682"/>
      <c r="C78" s="682"/>
      <c r="D78" s="59" t="s">
        <v>121</v>
      </c>
      <c r="E78" s="59" t="s">
        <v>121</v>
      </c>
      <c r="F78" s="728"/>
      <c r="G78" s="59" t="s">
        <v>121</v>
      </c>
      <c r="H78" s="59" t="s">
        <v>121</v>
      </c>
      <c r="I78" s="759"/>
      <c r="J78" s="761"/>
      <c r="K78" s="711"/>
      <c r="L78" s="712"/>
    </row>
    <row r="79" spans="1:12" s="408" customFormat="1" ht="14.25" customHeight="1" x14ac:dyDescent="0.2">
      <c r="A79" s="696"/>
      <c r="B79" s="405" t="s">
        <v>162</v>
      </c>
      <c r="C79" s="405" t="s">
        <v>163</v>
      </c>
      <c r="D79" s="407"/>
      <c r="E79" s="405" t="s">
        <v>233</v>
      </c>
      <c r="F79" s="406" t="s">
        <v>540</v>
      </c>
      <c r="G79" s="407"/>
      <c r="H79" s="405" t="s">
        <v>165</v>
      </c>
      <c r="I79" s="405" t="s">
        <v>541</v>
      </c>
      <c r="J79" s="405" t="s">
        <v>349</v>
      </c>
      <c r="K79" s="713"/>
      <c r="L79" s="714"/>
    </row>
    <row r="80" spans="1:12" ht="10.5" x14ac:dyDescent="0.2">
      <c r="A80" s="151" t="s">
        <v>880</v>
      </c>
      <c r="B80" s="313">
        <v>931270300</v>
      </c>
      <c r="C80" s="313">
        <v>964627131.83000004</v>
      </c>
      <c r="D80" s="313">
        <v>302785530.88</v>
      </c>
      <c r="E80" s="313">
        <v>302785530.88</v>
      </c>
      <c r="F80" s="313">
        <v>661841600.95000005</v>
      </c>
      <c r="G80" s="313">
        <v>223042222.79000002</v>
      </c>
      <c r="H80" s="313">
        <v>223042222.79000002</v>
      </c>
      <c r="I80" s="313">
        <v>741584909.03999996</v>
      </c>
      <c r="J80" s="313">
        <v>161427705.24000001</v>
      </c>
      <c r="K80" s="715">
        <v>0</v>
      </c>
      <c r="L80" s="716"/>
    </row>
    <row r="81" spans="1:12" ht="10.5" x14ac:dyDescent="0.2">
      <c r="A81" s="61" t="s">
        <v>86</v>
      </c>
      <c r="B81" s="313">
        <v>931270300</v>
      </c>
      <c r="C81" s="313">
        <v>964627131.83000004</v>
      </c>
      <c r="D81" s="313">
        <v>302785530.88</v>
      </c>
      <c r="E81" s="313">
        <v>302785530.88</v>
      </c>
      <c r="F81" s="313">
        <v>661841600.95000005</v>
      </c>
      <c r="G81" s="313">
        <v>223042222.79000002</v>
      </c>
      <c r="H81" s="313">
        <v>223042222.79000002</v>
      </c>
      <c r="I81" s="313">
        <v>741584909.03999996</v>
      </c>
      <c r="J81" s="313">
        <v>161427705.24000001</v>
      </c>
      <c r="K81" s="705">
        <v>0</v>
      </c>
      <c r="L81" s="706"/>
    </row>
    <row r="82" spans="1:12" s="42" customFormat="1" ht="10.5" x14ac:dyDescent="0.2">
      <c r="A82" s="61" t="s">
        <v>87</v>
      </c>
      <c r="B82" s="302">
        <v>710980400</v>
      </c>
      <c r="C82" s="302">
        <v>744410335</v>
      </c>
      <c r="D82" s="302">
        <v>230495885.15000001</v>
      </c>
      <c r="E82" s="302">
        <v>230495885.15000001</v>
      </c>
      <c r="F82" s="302">
        <v>513914449.85000002</v>
      </c>
      <c r="G82" s="303">
        <v>173158719.58000001</v>
      </c>
      <c r="H82" s="303">
        <v>173158719.58000001</v>
      </c>
      <c r="I82" s="303">
        <v>571251615.41999996</v>
      </c>
      <c r="J82" s="302">
        <v>123532376.76000001</v>
      </c>
      <c r="K82" s="705"/>
      <c r="L82" s="706"/>
    </row>
    <row r="83" spans="1:12" ht="10.5" x14ac:dyDescent="0.2">
      <c r="A83" s="61" t="s">
        <v>88</v>
      </c>
      <c r="B83" s="302">
        <v>0</v>
      </c>
      <c r="C83" s="302">
        <v>0</v>
      </c>
      <c r="D83" s="302">
        <v>0</v>
      </c>
      <c r="E83" s="302">
        <v>0</v>
      </c>
      <c r="F83" s="302">
        <v>0</v>
      </c>
      <c r="G83" s="303">
        <v>0</v>
      </c>
      <c r="H83" s="303">
        <v>0</v>
      </c>
      <c r="I83" s="303">
        <v>0</v>
      </c>
      <c r="J83" s="302">
        <v>0</v>
      </c>
      <c r="K83" s="705"/>
      <c r="L83" s="706"/>
    </row>
    <row r="84" spans="1:12" ht="10.5" x14ac:dyDescent="0.2">
      <c r="A84" s="61" t="s">
        <v>89</v>
      </c>
      <c r="B84" s="314">
        <v>220289900</v>
      </c>
      <c r="C84" s="314">
        <v>220216796.83000001</v>
      </c>
      <c r="D84" s="314">
        <v>72289645.730000004</v>
      </c>
      <c r="E84" s="314">
        <v>72289645.730000004</v>
      </c>
      <c r="F84" s="314">
        <v>147927151.10000002</v>
      </c>
      <c r="G84" s="314">
        <v>49883503.210000001</v>
      </c>
      <c r="H84" s="314">
        <v>49883503.210000001</v>
      </c>
      <c r="I84" s="314">
        <v>170333293.62</v>
      </c>
      <c r="J84" s="314">
        <v>37895328.479999997</v>
      </c>
      <c r="K84" s="705">
        <v>0</v>
      </c>
      <c r="L84" s="706"/>
    </row>
    <row r="85" spans="1:12" ht="10.5" x14ac:dyDescent="0.2">
      <c r="A85" s="62" t="s">
        <v>739</v>
      </c>
      <c r="B85" s="302">
        <v>0</v>
      </c>
      <c r="C85" s="302">
        <v>0</v>
      </c>
      <c r="D85" s="302">
        <v>0</v>
      </c>
      <c r="E85" s="302">
        <v>0</v>
      </c>
      <c r="F85" s="302">
        <v>0</v>
      </c>
      <c r="G85" s="303">
        <v>0</v>
      </c>
      <c r="H85" s="303">
        <v>0</v>
      </c>
      <c r="I85" s="303">
        <v>0</v>
      </c>
      <c r="J85" s="302">
        <v>0</v>
      </c>
      <c r="K85" s="705"/>
      <c r="L85" s="706"/>
    </row>
    <row r="86" spans="1:12" ht="12" customHeight="1" x14ac:dyDescent="0.2">
      <c r="A86" s="62" t="s">
        <v>740</v>
      </c>
      <c r="B86" s="302">
        <v>220289900</v>
      </c>
      <c r="C86" s="302">
        <v>220216796.83000001</v>
      </c>
      <c r="D86" s="302">
        <v>72289645.730000004</v>
      </c>
      <c r="E86" s="302">
        <v>72289645.730000004</v>
      </c>
      <c r="F86" s="302">
        <v>147927151.10000002</v>
      </c>
      <c r="G86" s="303">
        <v>49883503.210000001</v>
      </c>
      <c r="H86" s="303">
        <v>49883503.210000001</v>
      </c>
      <c r="I86" s="303">
        <v>170333293.62</v>
      </c>
      <c r="J86" s="302">
        <v>37895328.479999997</v>
      </c>
      <c r="K86" s="705"/>
      <c r="L86" s="706"/>
    </row>
    <row r="87" spans="1:12" s="42" customFormat="1" ht="10.5" x14ac:dyDescent="0.2">
      <c r="A87" s="61" t="s">
        <v>90</v>
      </c>
      <c r="B87" s="313">
        <v>0</v>
      </c>
      <c r="C87" s="313">
        <v>0</v>
      </c>
      <c r="D87" s="313">
        <v>0</v>
      </c>
      <c r="E87" s="313">
        <v>0</v>
      </c>
      <c r="F87" s="313">
        <v>0</v>
      </c>
      <c r="G87" s="313">
        <v>0</v>
      </c>
      <c r="H87" s="313">
        <v>0</v>
      </c>
      <c r="I87" s="313">
        <v>0</v>
      </c>
      <c r="J87" s="313">
        <v>0</v>
      </c>
      <c r="K87" s="705">
        <v>0</v>
      </c>
      <c r="L87" s="706"/>
    </row>
    <row r="88" spans="1:12" ht="10.5" x14ac:dyDescent="0.2">
      <c r="A88" s="55" t="s">
        <v>91</v>
      </c>
      <c r="B88" s="302">
        <v>0</v>
      </c>
      <c r="C88" s="302">
        <v>0</v>
      </c>
      <c r="D88" s="302">
        <v>0</v>
      </c>
      <c r="E88" s="302">
        <v>0</v>
      </c>
      <c r="F88" s="302">
        <v>0</v>
      </c>
      <c r="G88" s="303">
        <v>0</v>
      </c>
      <c r="H88" s="303">
        <v>0</v>
      </c>
      <c r="I88" s="303">
        <v>0</v>
      </c>
      <c r="J88" s="302">
        <v>0</v>
      </c>
      <c r="K88" s="705"/>
      <c r="L88" s="706"/>
    </row>
    <row r="89" spans="1:12" ht="10.5" x14ac:dyDescent="0.2">
      <c r="A89" s="55" t="s">
        <v>92</v>
      </c>
      <c r="B89" s="302">
        <v>0</v>
      </c>
      <c r="C89" s="302">
        <v>0</v>
      </c>
      <c r="D89" s="302">
        <v>0</v>
      </c>
      <c r="E89" s="302">
        <v>0</v>
      </c>
      <c r="F89" s="302">
        <v>0</v>
      </c>
      <c r="G89" s="303">
        <v>0</v>
      </c>
      <c r="H89" s="303">
        <v>0</v>
      </c>
      <c r="I89" s="303">
        <v>0</v>
      </c>
      <c r="J89" s="302">
        <v>0</v>
      </c>
      <c r="K89" s="705"/>
      <c r="L89" s="706"/>
    </row>
    <row r="90" spans="1:12" ht="10.5" x14ac:dyDescent="0.2">
      <c r="A90" s="55" t="s">
        <v>93</v>
      </c>
      <c r="B90" s="302">
        <v>0</v>
      </c>
      <c r="C90" s="302">
        <v>0</v>
      </c>
      <c r="D90" s="302">
        <v>0</v>
      </c>
      <c r="E90" s="302">
        <v>0</v>
      </c>
      <c r="F90" s="302">
        <v>0</v>
      </c>
      <c r="G90" s="303">
        <v>0</v>
      </c>
      <c r="H90" s="303">
        <v>0</v>
      </c>
      <c r="I90" s="303">
        <v>0</v>
      </c>
      <c r="J90" s="302">
        <v>0</v>
      </c>
      <c r="K90" s="762"/>
      <c r="L90" s="763"/>
    </row>
    <row r="91" spans="1:12" ht="21" x14ac:dyDescent="0.2">
      <c r="A91" s="154" t="s">
        <v>878</v>
      </c>
      <c r="B91" s="154"/>
      <c r="C91" s="154"/>
      <c r="D91" s="154"/>
      <c r="E91" s="154"/>
      <c r="F91" s="154"/>
      <c r="G91" s="154"/>
      <c r="H91" s="154"/>
      <c r="I91" s="154"/>
      <c r="J91" s="154"/>
      <c r="K91" s="154"/>
    </row>
    <row r="92" spans="1:12" ht="10.5" x14ac:dyDescent="0.2">
      <c r="D92" s="197"/>
      <c r="J92" s="197"/>
    </row>
    <row r="93" spans="1:12" ht="10.5" x14ac:dyDescent="0.2">
      <c r="D93" s="197"/>
      <c r="J93" s="197"/>
    </row>
    <row r="94" spans="1:12" ht="10.5" x14ac:dyDescent="0.2">
      <c r="D94" s="197"/>
    </row>
    <row r="95" spans="1:12" ht="10.5" x14ac:dyDescent="0.2">
      <c r="D95" s="197"/>
      <c r="J95" s="197"/>
    </row>
    <row r="96" spans="1:12" ht="10.5" x14ac:dyDescent="0.2">
      <c r="B96" s="197"/>
      <c r="C96" s="197"/>
      <c r="D96" s="197"/>
      <c r="E96" s="197"/>
      <c r="F96" s="197"/>
      <c r="G96" s="197"/>
      <c r="H96" s="197"/>
    </row>
    <row r="97" spans="2:8" ht="10.5" x14ac:dyDescent="0.2">
      <c r="B97" s="197"/>
      <c r="C97" s="197"/>
      <c r="D97" s="197"/>
      <c r="E97" s="197"/>
      <c r="F97" s="197"/>
      <c r="G97" s="197"/>
      <c r="H97" s="197"/>
    </row>
    <row r="98" spans="2:8" ht="10.5" x14ac:dyDescent="0.2">
      <c r="D98" s="197"/>
    </row>
  </sheetData>
  <customSheetViews>
    <customSheetView guid="{8C4C4E05-26A9-48D7-9CF5-CBEE6AE5F4C6}" showPageBreaks="1" showGridLines="0" fitToPage="1" printArea="1" topLeftCell="A10">
      <selection activeCell="B23" sqref="B23:C23"/>
      <pageMargins left="0.19685039370078741" right="0.19685039370078741" top="0.39370078740157483" bottom="0.19685039370078741" header="0" footer="0"/>
      <printOptions horizontalCentered="1"/>
      <pageSetup paperSize="9" scale="42" orientation="portrait" r:id="rId1"/>
    </customSheetView>
    <customSheetView guid="{25EF1E0D-169B-4051-B414-7E1196FC05E4}" showGridLines="0" fitToPage="1" topLeftCell="A10">
      <selection activeCell="B23" sqref="B23:C23"/>
      <pageMargins left="0.19685039370078741" right="0.19685039370078741" top="0.39370078740157483" bottom="0.19685039370078741" header="0" footer="0"/>
      <printOptions horizontalCentered="1"/>
      <pageSetup paperSize="9" scale="42" orientation="portrait" r:id="rId2"/>
    </customSheetView>
  </customSheetViews>
  <mergeCells count="278">
    <mergeCell ref="L10:L11"/>
    <mergeCell ref="F11:G11"/>
    <mergeCell ref="I11:J11"/>
    <mergeCell ref="D12:E12"/>
    <mergeCell ref="F12:G12"/>
    <mergeCell ref="I12:J12"/>
    <mergeCell ref="A2:L2"/>
    <mergeCell ref="A3:L3"/>
    <mergeCell ref="A4:L4"/>
    <mergeCell ref="A5:L5"/>
    <mergeCell ref="A6:L6"/>
    <mergeCell ref="A7:L7"/>
    <mergeCell ref="A10:A12"/>
    <mergeCell ref="B13:C13"/>
    <mergeCell ref="D13:E13"/>
    <mergeCell ref="F13:G13"/>
    <mergeCell ref="I13:J13"/>
    <mergeCell ref="B14:C14"/>
    <mergeCell ref="D14:E14"/>
    <mergeCell ref="F14:G14"/>
    <mergeCell ref="I14:J14"/>
    <mergeCell ref="B10:C12"/>
    <mergeCell ref="D10:E11"/>
    <mergeCell ref="F10:K1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73:C73"/>
    <mergeCell ref="D73:E73"/>
    <mergeCell ref="F73:G73"/>
    <mergeCell ref="I73:J73"/>
    <mergeCell ref="B71:C71"/>
    <mergeCell ref="D71:E71"/>
    <mergeCell ref="F71:G71"/>
    <mergeCell ref="I71:J71"/>
    <mergeCell ref="B72:C72"/>
    <mergeCell ref="D72:E72"/>
    <mergeCell ref="F72:G72"/>
    <mergeCell ref="I72:J72"/>
    <mergeCell ref="K88:L88"/>
    <mergeCell ref="K89:L89"/>
    <mergeCell ref="K90:L90"/>
    <mergeCell ref="K76:L79"/>
    <mergeCell ref="K80:L80"/>
    <mergeCell ref="K81:L81"/>
    <mergeCell ref="K82:L82"/>
    <mergeCell ref="K83:L83"/>
    <mergeCell ref="K84:L84"/>
    <mergeCell ref="A76:A79"/>
    <mergeCell ref="D76:E76"/>
    <mergeCell ref="F76:F78"/>
    <mergeCell ref="G76:H76"/>
    <mergeCell ref="I76:I78"/>
    <mergeCell ref="J76:J78"/>
    <mergeCell ref="K85:L85"/>
    <mergeCell ref="K86:L86"/>
    <mergeCell ref="K87:L87"/>
  </mergeCells>
  <printOptions horizontalCentered="1"/>
  <pageMargins left="0.19685039370078741" right="0.19685039370078741" top="0.39370078740157483" bottom="0.19685039370078741" header="0" footer="0"/>
  <pageSetup paperSize="9" scale="42" orientation="portrait" r:id="rId3"/>
  <drawing r:id="rId4"/>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00B050"/>
    <pageSetUpPr fitToPage="1"/>
  </sheetPr>
  <dimension ref="A1:M197"/>
  <sheetViews>
    <sheetView showGridLines="0" zoomScaleNormal="100" workbookViewId="0"/>
  </sheetViews>
  <sheetFormatPr defaultColWidth="9.140625" defaultRowHeight="11.25" customHeight="1" x14ac:dyDescent="0.2"/>
  <cols>
    <col min="1" max="1" width="45.28515625" style="43" customWidth="1"/>
    <col min="2" max="3" width="19.7109375" style="43" customWidth="1"/>
    <col min="4" max="5" width="18.7109375" style="43" customWidth="1"/>
    <col min="6" max="6" width="10.7109375" style="43" customWidth="1"/>
    <col min="7" max="7" width="19.7109375" style="43" customWidth="1"/>
    <col min="8" max="9" width="19" style="43" bestFit="1" customWidth="1"/>
    <col min="10" max="10" width="10.7109375" style="43" customWidth="1"/>
    <col min="11" max="11" width="20.140625" style="55" bestFit="1" customWidth="1"/>
    <col min="12" max="12" width="14.28515625" style="55" customWidth="1"/>
    <col min="13" max="14" width="15.42578125" style="186" customWidth="1"/>
    <col min="15" max="15" width="22" style="186" customWidth="1"/>
    <col min="16" max="16" width="13.42578125" style="186" customWidth="1"/>
    <col min="17" max="16384" width="9.140625" style="186"/>
  </cols>
  <sheetData>
    <row r="1" spans="1:12" s="24" customFormat="1" ht="10.5" x14ac:dyDescent="0.2">
      <c r="A1" s="188"/>
      <c r="K1" s="111"/>
      <c r="L1" s="111"/>
    </row>
    <row r="2" spans="1:12" s="24" customFormat="1" ht="11.25" customHeight="1" x14ac:dyDescent="0.2">
      <c r="A2" s="188"/>
      <c r="K2" s="111"/>
      <c r="L2" s="111"/>
    </row>
    <row r="3" spans="1:12" s="43" customFormat="1" ht="10.5" x14ac:dyDescent="0.2">
      <c r="A3" s="731" t="s">
        <v>640</v>
      </c>
      <c r="B3" s="731"/>
      <c r="C3" s="731"/>
      <c r="D3" s="731"/>
      <c r="E3" s="731"/>
      <c r="F3" s="731"/>
      <c r="G3" s="731"/>
      <c r="H3" s="731"/>
      <c r="I3" s="731"/>
      <c r="J3" s="731"/>
      <c r="K3" s="731"/>
      <c r="L3" s="731"/>
    </row>
    <row r="4" spans="1:12" s="43" customFormat="1" ht="10.5" x14ac:dyDescent="0.2">
      <c r="A4" s="731" t="s">
        <v>105</v>
      </c>
      <c r="B4" s="731"/>
      <c r="C4" s="731"/>
      <c r="D4" s="731"/>
      <c r="E4" s="731"/>
      <c r="F4" s="731"/>
      <c r="G4" s="731"/>
      <c r="H4" s="731"/>
      <c r="I4" s="731"/>
      <c r="J4" s="731"/>
      <c r="K4" s="731"/>
      <c r="L4" s="731"/>
    </row>
    <row r="5" spans="1:12" s="43" customFormat="1" ht="10.5" x14ac:dyDescent="0.2">
      <c r="A5" s="731" t="s">
        <v>168</v>
      </c>
      <c r="B5" s="731"/>
      <c r="C5" s="731"/>
      <c r="D5" s="731"/>
      <c r="E5" s="731"/>
      <c r="F5" s="731"/>
      <c r="G5" s="731"/>
      <c r="H5" s="731"/>
      <c r="I5" s="731"/>
      <c r="J5" s="731"/>
      <c r="K5" s="731"/>
      <c r="L5" s="731"/>
    </row>
    <row r="6" spans="1:12" s="43" customFormat="1" ht="10.5" x14ac:dyDescent="0.2">
      <c r="A6" s="731" t="s">
        <v>107</v>
      </c>
      <c r="B6" s="731"/>
      <c r="C6" s="731"/>
      <c r="D6" s="731"/>
      <c r="E6" s="731"/>
      <c r="F6" s="731"/>
      <c r="G6" s="731"/>
      <c r="H6" s="731"/>
      <c r="I6" s="731"/>
      <c r="J6" s="731"/>
      <c r="K6" s="731"/>
      <c r="L6" s="731"/>
    </row>
    <row r="7" spans="1:12" s="43" customFormat="1" ht="10.5" x14ac:dyDescent="0.2">
      <c r="A7" s="731" t="s">
        <v>641</v>
      </c>
      <c r="B7" s="731"/>
      <c r="C7" s="731"/>
      <c r="D7" s="731"/>
      <c r="E7" s="731"/>
      <c r="F7" s="731"/>
      <c r="G7" s="731"/>
      <c r="H7" s="731"/>
      <c r="I7" s="731"/>
      <c r="J7" s="731"/>
      <c r="K7" s="731"/>
      <c r="L7" s="731"/>
    </row>
    <row r="8" spans="1:12" s="24" customFormat="1" ht="10.5" x14ac:dyDescent="0.2">
      <c r="A8" s="44"/>
      <c r="B8" s="44"/>
      <c r="C8" s="44"/>
      <c r="D8" s="44"/>
      <c r="E8" s="44"/>
      <c r="F8" s="44"/>
      <c r="G8" s="44"/>
      <c r="H8" s="44"/>
      <c r="I8" s="44"/>
      <c r="J8" s="44"/>
      <c r="K8" s="29"/>
      <c r="L8" s="29"/>
    </row>
    <row r="9" spans="1:12" s="24" customFormat="1" ht="10.5" x14ac:dyDescent="0.2">
      <c r="A9" s="24" t="s">
        <v>363</v>
      </c>
      <c r="B9" s="111"/>
      <c r="L9" s="421">
        <v>1</v>
      </c>
    </row>
    <row r="10" spans="1:12" ht="15" customHeight="1" x14ac:dyDescent="0.15">
      <c r="A10" s="783" t="s">
        <v>169</v>
      </c>
      <c r="B10" s="781" t="s">
        <v>157</v>
      </c>
      <c r="C10" s="195" t="s">
        <v>157</v>
      </c>
      <c r="D10" s="740" t="s">
        <v>158</v>
      </c>
      <c r="E10" s="741"/>
      <c r="F10" s="742"/>
      <c r="G10" s="758" t="s">
        <v>161</v>
      </c>
      <c r="H10" s="776" t="s">
        <v>159</v>
      </c>
      <c r="I10" s="777"/>
      <c r="J10" s="778"/>
      <c r="K10" s="758" t="s">
        <v>161</v>
      </c>
      <c r="L10" s="709" t="s">
        <v>735</v>
      </c>
    </row>
    <row r="11" spans="1:12" ht="15" customHeight="1" x14ac:dyDescent="0.15">
      <c r="A11" s="784"/>
      <c r="B11" s="782"/>
      <c r="C11" s="676" t="s">
        <v>112</v>
      </c>
      <c r="D11" s="779" t="s">
        <v>113</v>
      </c>
      <c r="E11" s="195" t="s">
        <v>115</v>
      </c>
      <c r="F11" s="195" t="s">
        <v>114</v>
      </c>
      <c r="G11" s="759"/>
      <c r="H11" s="779" t="s">
        <v>113</v>
      </c>
      <c r="I11" s="195" t="s">
        <v>115</v>
      </c>
      <c r="J11" s="179" t="s">
        <v>114</v>
      </c>
      <c r="K11" s="759"/>
      <c r="L11" s="711"/>
    </row>
    <row r="12" spans="1:12" s="18" customFormat="1" ht="25.5" customHeight="1" x14ac:dyDescent="0.2">
      <c r="A12" s="785"/>
      <c r="B12" s="410" t="s">
        <v>111</v>
      </c>
      <c r="C12" s="180" t="s">
        <v>116</v>
      </c>
      <c r="D12" s="780"/>
      <c r="E12" s="671" t="s">
        <v>117</v>
      </c>
      <c r="F12" s="180" t="s">
        <v>59</v>
      </c>
      <c r="G12" s="182" t="s">
        <v>279</v>
      </c>
      <c r="H12" s="780"/>
      <c r="I12" s="180" t="s">
        <v>162</v>
      </c>
      <c r="J12" s="180" t="s">
        <v>543</v>
      </c>
      <c r="K12" s="667" t="s">
        <v>542</v>
      </c>
      <c r="L12" s="713"/>
    </row>
    <row r="13" spans="1:12" s="18" customFormat="1" ht="15" customHeight="1" x14ac:dyDescent="0.2">
      <c r="A13" s="142" t="s">
        <v>220</v>
      </c>
      <c r="B13" s="527">
        <v>12125839700</v>
      </c>
      <c r="C13" s="527">
        <v>12239699628.17</v>
      </c>
      <c r="D13" s="339">
        <v>2623645908.6700001</v>
      </c>
      <c r="E13" s="339">
        <v>2623645908.6700001</v>
      </c>
      <c r="F13" s="539">
        <v>89.653421338086787</v>
      </c>
      <c r="G13" s="339">
        <v>9616053719.4999981</v>
      </c>
      <c r="H13" s="339">
        <v>1592057098.4299998</v>
      </c>
      <c r="I13" s="339">
        <v>1592057098.4299998</v>
      </c>
      <c r="J13" s="539">
        <v>87.711844735852551</v>
      </c>
      <c r="K13" s="670">
        <v>10647642529.739998</v>
      </c>
      <c r="L13" s="464">
        <v>0</v>
      </c>
    </row>
    <row r="14" spans="1:12" s="18" customFormat="1" ht="10.5" x14ac:dyDescent="0.2">
      <c r="A14" s="142"/>
      <c r="B14" s="524"/>
      <c r="C14" s="524"/>
      <c r="D14" s="540"/>
      <c r="E14" s="540"/>
      <c r="F14" s="541"/>
      <c r="G14" s="540"/>
      <c r="H14" s="540"/>
      <c r="I14" s="540"/>
      <c r="J14" s="431"/>
      <c r="K14" s="669"/>
      <c r="L14" s="464"/>
    </row>
    <row r="15" spans="1:12" s="181" customFormat="1" ht="10.5" x14ac:dyDescent="0.2">
      <c r="A15" s="142" t="s">
        <v>642</v>
      </c>
      <c r="B15" s="527">
        <v>336717000</v>
      </c>
      <c r="C15" s="527">
        <v>336717000</v>
      </c>
      <c r="D15" s="339">
        <v>157591635.70999998</v>
      </c>
      <c r="E15" s="339">
        <v>157591635.70999998</v>
      </c>
      <c r="F15" s="539">
        <v>5.3851128572563782</v>
      </c>
      <c r="G15" s="339">
        <v>179125364.29000002</v>
      </c>
      <c r="H15" s="339">
        <v>58429500.920000002</v>
      </c>
      <c r="I15" s="339">
        <v>58429500.920000002</v>
      </c>
      <c r="J15" s="539">
        <v>3.2190800931338144</v>
      </c>
      <c r="K15" s="670">
        <v>278287499.07999998</v>
      </c>
      <c r="L15" s="464">
        <v>0</v>
      </c>
    </row>
    <row r="16" spans="1:12" ht="10.5" x14ac:dyDescent="0.2">
      <c r="A16" s="187" t="s">
        <v>643</v>
      </c>
      <c r="B16" s="472">
        <v>191424000</v>
      </c>
      <c r="C16" s="472">
        <v>191424000</v>
      </c>
      <c r="D16" s="524">
        <v>56854997.329999998</v>
      </c>
      <c r="E16" s="524">
        <v>56854997.329999998</v>
      </c>
      <c r="F16" s="225">
        <v>1.9428098181839735</v>
      </c>
      <c r="G16" s="524">
        <v>134569002.67000002</v>
      </c>
      <c r="H16" s="524">
        <v>37340885.400000006</v>
      </c>
      <c r="I16" s="524">
        <v>37340885.400000006</v>
      </c>
      <c r="J16" s="541">
        <v>2.0572364808610981</v>
      </c>
      <c r="K16" s="668">
        <v>154083114.59999999</v>
      </c>
      <c r="L16" s="464">
        <v>0</v>
      </c>
    </row>
    <row r="17" spans="1:13" ht="10.5" x14ac:dyDescent="0.2">
      <c r="A17" s="187" t="s">
        <v>644</v>
      </c>
      <c r="B17" s="472">
        <v>145293000</v>
      </c>
      <c r="C17" s="472">
        <v>145293000</v>
      </c>
      <c r="D17" s="524">
        <v>100736638.38</v>
      </c>
      <c r="E17" s="524">
        <v>100736638.38</v>
      </c>
      <c r="F17" s="225">
        <v>3.4423030390724052</v>
      </c>
      <c r="G17" s="524">
        <v>44556361.620000005</v>
      </c>
      <c r="H17" s="524">
        <v>21088615.52</v>
      </c>
      <c r="I17" s="524">
        <v>21088615.52</v>
      </c>
      <c r="J17" s="541">
        <v>1.1618436122727163</v>
      </c>
      <c r="K17" s="668">
        <v>124204384.48</v>
      </c>
      <c r="L17" s="464">
        <v>0</v>
      </c>
    </row>
    <row r="18" spans="1:13" ht="10.5" x14ac:dyDescent="0.2">
      <c r="A18" s="187"/>
      <c r="B18" s="472"/>
      <c r="C18" s="472"/>
      <c r="D18" s="524"/>
      <c r="E18" s="524"/>
      <c r="F18" s="225"/>
      <c r="G18" s="524"/>
      <c r="H18" s="524"/>
      <c r="I18" s="524"/>
      <c r="J18" s="225"/>
      <c r="K18" s="668"/>
      <c r="L18" s="464">
        <v>0</v>
      </c>
    </row>
    <row r="19" spans="1:13" s="65" customFormat="1" ht="10.5" x14ac:dyDescent="0.2">
      <c r="A19" s="142" t="s">
        <v>645</v>
      </c>
      <c r="B19" s="527">
        <v>576015000</v>
      </c>
      <c r="C19" s="527">
        <v>612515000</v>
      </c>
      <c r="D19" s="527">
        <v>468539583.55999988</v>
      </c>
      <c r="E19" s="527">
        <v>468539583.55999988</v>
      </c>
      <c r="F19" s="539">
        <v>16.010612011195711</v>
      </c>
      <c r="G19" s="527">
        <v>143975416.44000012</v>
      </c>
      <c r="H19" s="527">
        <v>118705621.93999998</v>
      </c>
      <c r="I19" s="527">
        <v>118705621.93999998</v>
      </c>
      <c r="J19" s="539">
        <v>6.5398967732638047</v>
      </c>
      <c r="K19" s="340">
        <v>493809378.06</v>
      </c>
      <c r="L19" s="464">
        <v>0</v>
      </c>
      <c r="M19" s="775"/>
    </row>
    <row r="20" spans="1:13" ht="10.5" x14ac:dyDescent="0.2">
      <c r="A20" s="187" t="s">
        <v>646</v>
      </c>
      <c r="B20" s="524">
        <v>564705000</v>
      </c>
      <c r="C20" s="524">
        <v>601205000</v>
      </c>
      <c r="D20" s="524">
        <v>463829341.62999988</v>
      </c>
      <c r="E20" s="524">
        <v>463829341.62999988</v>
      </c>
      <c r="F20" s="541">
        <v>15.849656867455037</v>
      </c>
      <c r="G20" s="524">
        <v>137375658.37000012</v>
      </c>
      <c r="H20" s="524">
        <v>118471526.45999999</v>
      </c>
      <c r="I20" s="524">
        <v>118471526.45999999</v>
      </c>
      <c r="J20" s="541">
        <v>6.5269996564359136</v>
      </c>
      <c r="K20" s="668">
        <v>482733473.54000002</v>
      </c>
      <c r="L20" s="464">
        <v>0</v>
      </c>
      <c r="M20" s="775"/>
    </row>
    <row r="21" spans="1:13" ht="10.5" x14ac:dyDescent="0.2">
      <c r="A21" s="187" t="s">
        <v>654</v>
      </c>
      <c r="B21" s="524">
        <v>0</v>
      </c>
      <c r="C21" s="524">
        <v>0</v>
      </c>
      <c r="D21" s="524">
        <v>0</v>
      </c>
      <c r="E21" s="524">
        <v>0</v>
      </c>
      <c r="F21" s="541">
        <v>0</v>
      </c>
      <c r="G21" s="524">
        <v>0</v>
      </c>
      <c r="H21" s="524">
        <v>0</v>
      </c>
      <c r="I21" s="524">
        <v>0</v>
      </c>
      <c r="J21" s="541">
        <v>0</v>
      </c>
      <c r="K21" s="668">
        <v>0</v>
      </c>
      <c r="L21" s="464">
        <v>0</v>
      </c>
      <c r="M21" s="775"/>
    </row>
    <row r="22" spans="1:13" s="270" customFormat="1" ht="10.5" x14ac:dyDescent="0.2">
      <c r="A22" s="187" t="s">
        <v>821</v>
      </c>
      <c r="B22" s="524">
        <v>9229000</v>
      </c>
      <c r="C22" s="524">
        <v>9229000</v>
      </c>
      <c r="D22" s="524">
        <v>4198409.38</v>
      </c>
      <c r="E22" s="524">
        <v>4198409.38</v>
      </c>
      <c r="F22" s="541">
        <v>0.14346515429199982</v>
      </c>
      <c r="G22" s="524">
        <v>5030590.62</v>
      </c>
      <c r="H22" s="524">
        <v>160233.90999999997</v>
      </c>
      <c r="I22" s="524">
        <v>160233.90999999997</v>
      </c>
      <c r="J22" s="541">
        <v>8.827831520112104E-3</v>
      </c>
      <c r="K22" s="668">
        <v>9068766.0899999999</v>
      </c>
      <c r="L22" s="464">
        <v>0</v>
      </c>
      <c r="M22" s="356"/>
    </row>
    <row r="23" spans="1:13" ht="10.5" x14ac:dyDescent="0.2">
      <c r="A23" s="187" t="s">
        <v>760</v>
      </c>
      <c r="B23" s="524">
        <v>2081000</v>
      </c>
      <c r="C23" s="524">
        <v>2081000</v>
      </c>
      <c r="D23" s="524">
        <v>511832.55000000005</v>
      </c>
      <c r="E23" s="524">
        <v>511832.55000000005</v>
      </c>
      <c r="F23" s="541">
        <v>1.74899894486749E-2</v>
      </c>
      <c r="G23" s="524">
        <v>1569167.45</v>
      </c>
      <c r="H23" s="524">
        <v>73861.570000000007</v>
      </c>
      <c r="I23" s="524">
        <v>73861.570000000007</v>
      </c>
      <c r="J23" s="541">
        <v>4.0692853077789011E-3</v>
      </c>
      <c r="K23" s="668">
        <v>2007138.43</v>
      </c>
      <c r="L23" s="464">
        <v>0</v>
      </c>
    </row>
    <row r="24" spans="1:13" ht="10.5" x14ac:dyDescent="0.2">
      <c r="A24" s="187"/>
      <c r="B24" s="524"/>
      <c r="C24" s="524"/>
      <c r="D24" s="524"/>
      <c r="E24" s="524"/>
      <c r="F24" s="225"/>
      <c r="G24" s="524"/>
      <c r="H24" s="524"/>
      <c r="I24" s="524"/>
      <c r="J24" s="225"/>
      <c r="K24" s="668"/>
      <c r="L24" s="464"/>
    </row>
    <row r="25" spans="1:13" s="65" customFormat="1" ht="10.5" x14ac:dyDescent="0.2">
      <c r="A25" s="160" t="s">
        <v>761</v>
      </c>
      <c r="B25" s="527">
        <v>423182600</v>
      </c>
      <c r="C25" s="527">
        <v>428451100</v>
      </c>
      <c r="D25" s="527">
        <v>65606908.830000006</v>
      </c>
      <c r="E25" s="527">
        <v>65606908.830000006</v>
      </c>
      <c r="F25" s="539">
        <v>2.2418741113609837</v>
      </c>
      <c r="G25" s="527">
        <v>362844191.17000002</v>
      </c>
      <c r="H25" s="527">
        <v>58881883.750000015</v>
      </c>
      <c r="I25" s="527">
        <v>58881883.750000015</v>
      </c>
      <c r="J25" s="539">
        <v>3.2440034030988003</v>
      </c>
      <c r="K25" s="340">
        <v>369569216.25</v>
      </c>
      <c r="L25" s="464">
        <v>0</v>
      </c>
    </row>
    <row r="26" spans="1:13" s="65" customFormat="1" ht="10.5" x14ac:dyDescent="0.2">
      <c r="A26" s="416" t="s">
        <v>646</v>
      </c>
      <c r="B26" s="524">
        <v>3610000</v>
      </c>
      <c r="C26" s="524">
        <v>3610000</v>
      </c>
      <c r="D26" s="524">
        <v>100</v>
      </c>
      <c r="E26" s="524">
        <v>100</v>
      </c>
      <c r="F26" s="541">
        <v>3.4171311396031572E-6</v>
      </c>
      <c r="G26" s="524">
        <v>3609900</v>
      </c>
      <c r="H26" s="524">
        <v>41.85</v>
      </c>
      <c r="I26" s="524">
        <v>41.85</v>
      </c>
      <c r="J26" s="541">
        <v>2.305658952694168E-6</v>
      </c>
      <c r="K26" s="668">
        <v>3609958.15</v>
      </c>
      <c r="L26" s="464">
        <v>0</v>
      </c>
    </row>
    <row r="27" spans="1:13" ht="10.5" x14ac:dyDescent="0.2">
      <c r="A27" s="416" t="s">
        <v>647</v>
      </c>
      <c r="B27" s="524">
        <v>253315600</v>
      </c>
      <c r="C27" s="524">
        <v>253315600</v>
      </c>
      <c r="D27" s="524">
        <v>37415582.609999992</v>
      </c>
      <c r="E27" s="524">
        <v>37415582.609999992</v>
      </c>
      <c r="F27" s="541">
        <v>1.2785395244302535</v>
      </c>
      <c r="G27" s="524">
        <v>215900017.39000002</v>
      </c>
      <c r="H27" s="524">
        <v>33778019.880000003</v>
      </c>
      <c r="I27" s="524">
        <v>33778019.880000003</v>
      </c>
      <c r="J27" s="541">
        <v>1.8609460917706953</v>
      </c>
      <c r="K27" s="668">
        <v>219537580.12</v>
      </c>
      <c r="L27" s="464">
        <v>0</v>
      </c>
    </row>
    <row r="28" spans="1:13" ht="10.5" x14ac:dyDescent="0.2">
      <c r="A28" s="187" t="s">
        <v>648</v>
      </c>
      <c r="B28" s="524">
        <v>43485000</v>
      </c>
      <c r="C28" s="524">
        <v>44053500</v>
      </c>
      <c r="D28" s="524">
        <v>6966758.1800000044</v>
      </c>
      <c r="E28" s="524">
        <v>6966758.1800000044</v>
      </c>
      <c r="F28" s="541">
        <v>0.23806326318963034</v>
      </c>
      <c r="G28" s="524">
        <v>37086741.819999993</v>
      </c>
      <c r="H28" s="524">
        <v>6511197.9100000011</v>
      </c>
      <c r="I28" s="524">
        <v>6511197.9100000011</v>
      </c>
      <c r="J28" s="541">
        <v>0.3587240562474327</v>
      </c>
      <c r="K28" s="668">
        <v>37542302.089999996</v>
      </c>
      <c r="L28" s="464">
        <v>0</v>
      </c>
    </row>
    <row r="29" spans="1:13" ht="10.5" x14ac:dyDescent="0.2">
      <c r="A29" s="187" t="s">
        <v>651</v>
      </c>
      <c r="B29" s="524">
        <v>358000</v>
      </c>
      <c r="C29" s="524">
        <v>358000</v>
      </c>
      <c r="D29" s="524">
        <v>0</v>
      </c>
      <c r="E29" s="524">
        <v>0</v>
      </c>
      <c r="F29" s="541">
        <v>0</v>
      </c>
      <c r="G29" s="524">
        <v>358000</v>
      </c>
      <c r="H29" s="524">
        <v>0</v>
      </c>
      <c r="I29" s="524">
        <v>0</v>
      </c>
      <c r="J29" s="541">
        <v>0</v>
      </c>
      <c r="K29" s="668">
        <v>358000</v>
      </c>
      <c r="L29" s="464">
        <v>0</v>
      </c>
    </row>
    <row r="30" spans="1:13" ht="10.5" x14ac:dyDescent="0.2">
      <c r="A30" s="187" t="s">
        <v>655</v>
      </c>
      <c r="B30" s="524">
        <v>12525000</v>
      </c>
      <c r="C30" s="524">
        <v>17225000</v>
      </c>
      <c r="D30" s="524">
        <v>3373672.4299999992</v>
      </c>
      <c r="E30" s="524">
        <v>3373672.4299999992</v>
      </c>
      <c r="F30" s="541">
        <v>0.11528281115373649</v>
      </c>
      <c r="G30" s="524">
        <v>13851327.57</v>
      </c>
      <c r="H30" s="524">
        <v>1236158.56</v>
      </c>
      <c r="I30" s="524">
        <v>1236158.56</v>
      </c>
      <c r="J30" s="541">
        <v>6.8104182815138137E-2</v>
      </c>
      <c r="K30" s="668">
        <v>15988841.439999999</v>
      </c>
      <c r="L30" s="464">
        <v>0</v>
      </c>
    </row>
    <row r="31" spans="1:13" ht="10.5" x14ac:dyDescent="0.2">
      <c r="A31" s="187" t="s">
        <v>762</v>
      </c>
      <c r="B31" s="524">
        <v>109889000</v>
      </c>
      <c r="C31" s="524">
        <v>109888999.99999999</v>
      </c>
      <c r="D31" s="524">
        <v>17850795.610000007</v>
      </c>
      <c r="E31" s="524">
        <v>17850795.610000007</v>
      </c>
      <c r="F31" s="541">
        <v>0.60998509545622359</v>
      </c>
      <c r="G31" s="524">
        <v>92038204.389999986</v>
      </c>
      <c r="H31" s="524">
        <v>17356465.550000001</v>
      </c>
      <c r="I31" s="524">
        <v>17356465.550000001</v>
      </c>
      <c r="J31" s="541">
        <v>0.95622676660658079</v>
      </c>
      <c r="K31" s="668">
        <v>92532534.449999988</v>
      </c>
      <c r="L31" s="464">
        <v>0</v>
      </c>
    </row>
    <row r="32" spans="1:13" ht="10.5" x14ac:dyDescent="0.2">
      <c r="A32" s="187"/>
      <c r="B32" s="524"/>
      <c r="C32" s="524"/>
      <c r="D32" s="524"/>
      <c r="E32" s="524"/>
      <c r="F32" s="225"/>
      <c r="G32" s="524"/>
      <c r="H32" s="524"/>
      <c r="I32" s="524"/>
      <c r="J32" s="225"/>
      <c r="K32" s="668"/>
      <c r="L32" s="464"/>
    </row>
    <row r="33" spans="1:12" s="65" customFormat="1" ht="10.5" x14ac:dyDescent="0.2">
      <c r="A33" s="142" t="s">
        <v>649</v>
      </c>
      <c r="B33" s="527">
        <v>778172500</v>
      </c>
      <c r="C33" s="527">
        <v>784997416.99999988</v>
      </c>
      <c r="D33" s="527">
        <v>113215370.88999999</v>
      </c>
      <c r="E33" s="527">
        <v>113215370.88999999</v>
      </c>
      <c r="F33" s="539">
        <v>3.8687176934993976</v>
      </c>
      <c r="G33" s="527">
        <v>671782046.1099999</v>
      </c>
      <c r="H33" s="527">
        <v>93560396.550000012</v>
      </c>
      <c r="I33" s="527">
        <v>93560396.550000012</v>
      </c>
      <c r="J33" s="539">
        <v>5.1545607150089383</v>
      </c>
      <c r="K33" s="340">
        <v>691437020.44999981</v>
      </c>
      <c r="L33" s="464">
        <v>0</v>
      </c>
    </row>
    <row r="34" spans="1:12" ht="10.5" x14ac:dyDescent="0.2">
      <c r="A34" s="187" t="s">
        <v>650</v>
      </c>
      <c r="B34" s="524">
        <v>66000</v>
      </c>
      <c r="C34" s="524">
        <v>0</v>
      </c>
      <c r="D34" s="524">
        <v>0</v>
      </c>
      <c r="E34" s="524">
        <v>0</v>
      </c>
      <c r="F34" s="541">
        <v>0</v>
      </c>
      <c r="G34" s="524">
        <v>0</v>
      </c>
      <c r="H34" s="524">
        <v>0</v>
      </c>
      <c r="I34" s="524">
        <v>0</v>
      </c>
      <c r="J34" s="541">
        <v>0</v>
      </c>
      <c r="K34" s="668">
        <v>0</v>
      </c>
      <c r="L34" s="464">
        <v>0</v>
      </c>
    </row>
    <row r="35" spans="1:12" ht="10.5" x14ac:dyDescent="0.2">
      <c r="A35" s="187" t="s">
        <v>651</v>
      </c>
      <c r="B35" s="524">
        <v>370742100</v>
      </c>
      <c r="C35" s="524">
        <v>375716516.99999988</v>
      </c>
      <c r="D35" s="524">
        <v>28003516.079999987</v>
      </c>
      <c r="E35" s="524">
        <v>28003516.079999987</v>
      </c>
      <c r="F35" s="541">
        <v>0.956916868153457</v>
      </c>
      <c r="G35" s="524">
        <v>347713000.9199999</v>
      </c>
      <c r="H35" s="524">
        <v>22967979.709999986</v>
      </c>
      <c r="I35" s="524">
        <v>22967979.709999986</v>
      </c>
      <c r="J35" s="541">
        <v>1.2653841826441927</v>
      </c>
      <c r="K35" s="668">
        <v>352748537.2899999</v>
      </c>
      <c r="L35" s="464">
        <v>0</v>
      </c>
    </row>
    <row r="36" spans="1:12" ht="10.5" x14ac:dyDescent="0.2">
      <c r="A36" s="187" t="s">
        <v>652</v>
      </c>
      <c r="B36" s="524">
        <v>404969700</v>
      </c>
      <c r="C36" s="524">
        <v>400186200</v>
      </c>
      <c r="D36" s="524">
        <v>85211854.810000002</v>
      </c>
      <c r="E36" s="524">
        <v>85211854.810000002</v>
      </c>
      <c r="F36" s="541">
        <v>2.9118008253459409</v>
      </c>
      <c r="G36" s="524">
        <v>314974345.19</v>
      </c>
      <c r="H36" s="524">
        <v>70592416.840000033</v>
      </c>
      <c r="I36" s="524">
        <v>70592416.840000033</v>
      </c>
      <c r="J36" s="541">
        <v>3.8891765323647465</v>
      </c>
      <c r="K36" s="668">
        <v>329593783.15999997</v>
      </c>
      <c r="L36" s="464">
        <v>0</v>
      </c>
    </row>
    <row r="37" spans="1:12" ht="10.5" x14ac:dyDescent="0.2">
      <c r="A37" s="187" t="s">
        <v>653</v>
      </c>
      <c r="B37" s="524">
        <v>0</v>
      </c>
      <c r="C37" s="524">
        <v>6700000</v>
      </c>
      <c r="D37" s="524">
        <v>0</v>
      </c>
      <c r="E37" s="524">
        <v>0</v>
      </c>
      <c r="F37" s="541">
        <v>0</v>
      </c>
      <c r="G37" s="524">
        <v>6700000</v>
      </c>
      <c r="H37" s="524">
        <v>0</v>
      </c>
      <c r="I37" s="524">
        <v>0</v>
      </c>
      <c r="J37" s="541">
        <v>0</v>
      </c>
      <c r="K37" s="668">
        <v>6700000</v>
      </c>
      <c r="L37" s="464">
        <v>0</v>
      </c>
    </row>
    <row r="38" spans="1:12" ht="10.5" x14ac:dyDescent="0.2">
      <c r="A38" s="187" t="s">
        <v>654</v>
      </c>
      <c r="B38" s="524">
        <v>0</v>
      </c>
      <c r="C38" s="524">
        <v>0</v>
      </c>
      <c r="D38" s="524">
        <v>0</v>
      </c>
      <c r="E38" s="524">
        <v>0</v>
      </c>
      <c r="F38" s="541">
        <v>0</v>
      </c>
      <c r="G38" s="524">
        <v>0</v>
      </c>
      <c r="H38" s="524">
        <v>0</v>
      </c>
      <c r="I38" s="524">
        <v>0</v>
      </c>
      <c r="J38" s="541">
        <v>0</v>
      </c>
      <c r="K38" s="668">
        <v>0</v>
      </c>
      <c r="L38" s="464">
        <v>0</v>
      </c>
    </row>
    <row r="39" spans="1:12" ht="10.5" x14ac:dyDescent="0.2">
      <c r="A39" s="187" t="s">
        <v>763</v>
      </c>
      <c r="B39" s="524">
        <v>2394700</v>
      </c>
      <c r="C39" s="524">
        <v>2394700</v>
      </c>
      <c r="D39" s="524">
        <v>0</v>
      </c>
      <c r="E39" s="524">
        <v>0</v>
      </c>
      <c r="F39" s="541">
        <v>0</v>
      </c>
      <c r="G39" s="524">
        <v>2394700</v>
      </c>
      <c r="H39" s="524">
        <v>0</v>
      </c>
      <c r="I39" s="524">
        <v>0</v>
      </c>
      <c r="J39" s="541">
        <v>0</v>
      </c>
      <c r="K39" s="668">
        <v>2394700</v>
      </c>
      <c r="L39" s="464">
        <v>0</v>
      </c>
    </row>
    <row r="40" spans="1:12" ht="10.5" x14ac:dyDescent="0.2">
      <c r="A40" s="187"/>
      <c r="B40" s="524"/>
      <c r="C40" s="524"/>
      <c r="D40" s="524"/>
      <c r="E40" s="524"/>
      <c r="F40" s="225"/>
      <c r="G40" s="524"/>
      <c r="H40" s="524"/>
      <c r="I40" s="524"/>
      <c r="J40" s="225"/>
      <c r="K40" s="668"/>
      <c r="L40" s="464"/>
    </row>
    <row r="41" spans="1:12" s="65" customFormat="1" ht="10.5" x14ac:dyDescent="0.2">
      <c r="A41" s="142" t="s">
        <v>658</v>
      </c>
      <c r="B41" s="527">
        <v>889668600</v>
      </c>
      <c r="C41" s="527">
        <v>914421600</v>
      </c>
      <c r="D41" s="527">
        <v>206537795.53999999</v>
      </c>
      <c r="E41" s="527">
        <v>206537795.53999999</v>
      </c>
      <c r="F41" s="539">
        <v>7.0576673264472412</v>
      </c>
      <c r="G41" s="527">
        <v>707883804.46000004</v>
      </c>
      <c r="H41" s="527">
        <v>163168480.03</v>
      </c>
      <c r="I41" s="527">
        <v>163168480.03</v>
      </c>
      <c r="J41" s="539">
        <v>8.9895069720112097</v>
      </c>
      <c r="K41" s="340">
        <v>751253119.97000003</v>
      </c>
      <c r="L41" s="464">
        <v>0</v>
      </c>
    </row>
    <row r="42" spans="1:12" ht="10.5" x14ac:dyDescent="0.2">
      <c r="A42" s="187" t="s">
        <v>659</v>
      </c>
      <c r="B42" s="524">
        <v>845140500</v>
      </c>
      <c r="C42" s="524">
        <v>846140500</v>
      </c>
      <c r="D42" s="524">
        <v>194928464.27999997</v>
      </c>
      <c r="E42" s="524">
        <v>194928464.27999997</v>
      </c>
      <c r="F42" s="541">
        <v>6.6609612528620961</v>
      </c>
      <c r="G42" s="524">
        <v>651212035.72000003</v>
      </c>
      <c r="H42" s="524">
        <v>163036272.91</v>
      </c>
      <c r="I42" s="524">
        <v>163036272.91</v>
      </c>
      <c r="J42" s="541">
        <v>8.9822232317522364</v>
      </c>
      <c r="K42" s="668">
        <v>683104227.09000003</v>
      </c>
      <c r="L42" s="464">
        <v>0</v>
      </c>
    </row>
    <row r="43" spans="1:12" ht="10.5" x14ac:dyDescent="0.2">
      <c r="A43" s="187" t="s">
        <v>660</v>
      </c>
      <c r="B43" s="524">
        <v>40500100</v>
      </c>
      <c r="C43" s="524">
        <v>64253100</v>
      </c>
      <c r="D43" s="524">
        <v>11598361.020000001</v>
      </c>
      <c r="E43" s="524">
        <v>11598361.020000001</v>
      </c>
      <c r="F43" s="541">
        <v>0.39633120609801437</v>
      </c>
      <c r="G43" s="524">
        <v>52654738.979999997</v>
      </c>
      <c r="H43" s="524">
        <v>121236.88</v>
      </c>
      <c r="I43" s="524">
        <v>121236.88</v>
      </c>
      <c r="J43" s="541">
        <v>6.6793523959070133E-3</v>
      </c>
      <c r="K43" s="668">
        <v>64131863.119999997</v>
      </c>
      <c r="L43" s="464">
        <v>0</v>
      </c>
    </row>
    <row r="44" spans="1:12" ht="10.5" x14ac:dyDescent="0.2">
      <c r="A44" s="417" t="s">
        <v>686</v>
      </c>
      <c r="B44" s="524">
        <v>4028000</v>
      </c>
      <c r="C44" s="524">
        <v>4028000</v>
      </c>
      <c r="D44" s="524">
        <v>10970.24</v>
      </c>
      <c r="E44" s="524">
        <v>10970.24</v>
      </c>
      <c r="F44" s="541">
        <v>3.7486748712920142E-4</v>
      </c>
      <c r="G44" s="524">
        <v>4017029.76</v>
      </c>
      <c r="H44" s="524">
        <v>10970.24</v>
      </c>
      <c r="I44" s="524">
        <v>10970.24</v>
      </c>
      <c r="J44" s="541">
        <v>6.0438786306340911E-4</v>
      </c>
      <c r="K44" s="668">
        <v>4017029.76</v>
      </c>
      <c r="L44" s="464">
        <v>0</v>
      </c>
    </row>
    <row r="45" spans="1:12" ht="10.5" x14ac:dyDescent="0.2">
      <c r="A45" s="187"/>
      <c r="B45" s="524"/>
      <c r="C45" s="524"/>
      <c r="D45" s="524"/>
      <c r="E45" s="524"/>
      <c r="F45" s="225"/>
      <c r="G45" s="524"/>
      <c r="H45" s="524"/>
      <c r="I45" s="524"/>
      <c r="J45" s="225"/>
      <c r="K45" s="668"/>
      <c r="L45" s="464"/>
    </row>
    <row r="46" spans="1:12" s="65" customFormat="1" ht="10.5" x14ac:dyDescent="0.2">
      <c r="A46" s="142" t="s">
        <v>661</v>
      </c>
      <c r="B46" s="527">
        <v>240052900</v>
      </c>
      <c r="C46" s="527">
        <v>234028153</v>
      </c>
      <c r="D46" s="527">
        <v>30712705.760000002</v>
      </c>
      <c r="E46" s="527">
        <v>30712705.760000002</v>
      </c>
      <c r="F46" s="539">
        <v>1.0494934323396525</v>
      </c>
      <c r="G46" s="527">
        <v>203315447.24000001</v>
      </c>
      <c r="H46" s="527">
        <v>23550913.5</v>
      </c>
      <c r="I46" s="527">
        <v>23550913.5</v>
      </c>
      <c r="J46" s="539">
        <v>1.2974999893763666</v>
      </c>
      <c r="K46" s="340">
        <v>210477239.5</v>
      </c>
      <c r="L46" s="464">
        <v>0</v>
      </c>
    </row>
    <row r="47" spans="1:12" ht="10.5" x14ac:dyDescent="0.2">
      <c r="A47" s="187" t="s">
        <v>764</v>
      </c>
      <c r="B47" s="524">
        <v>291200</v>
      </c>
      <c r="C47" s="524">
        <v>291200</v>
      </c>
      <c r="D47" s="524">
        <v>0</v>
      </c>
      <c r="E47" s="524">
        <v>0</v>
      </c>
      <c r="F47" s="541">
        <v>0</v>
      </c>
      <c r="G47" s="524">
        <v>291200</v>
      </c>
      <c r="H47" s="524">
        <v>0</v>
      </c>
      <c r="I47" s="524">
        <v>0</v>
      </c>
      <c r="J47" s="541">
        <v>0</v>
      </c>
      <c r="K47" s="668">
        <v>291200</v>
      </c>
      <c r="L47" s="464">
        <v>0</v>
      </c>
    </row>
    <row r="48" spans="1:12" ht="10.5" x14ac:dyDescent="0.2">
      <c r="A48" s="187" t="s">
        <v>662</v>
      </c>
      <c r="B48" s="524">
        <v>239761600</v>
      </c>
      <c r="C48" s="524">
        <v>233736753</v>
      </c>
      <c r="D48" s="524">
        <v>30712705.760000002</v>
      </c>
      <c r="E48" s="524">
        <v>30712705.760000002</v>
      </c>
      <c r="F48" s="541">
        <v>1.0494934323396525</v>
      </c>
      <c r="G48" s="524">
        <v>203024047.24000001</v>
      </c>
      <c r="H48" s="524">
        <v>23550913.5</v>
      </c>
      <c r="I48" s="524">
        <v>23550913.5</v>
      </c>
      <c r="J48" s="541">
        <v>1.2974999893763666</v>
      </c>
      <c r="K48" s="668">
        <v>210185839.5</v>
      </c>
      <c r="L48" s="464">
        <v>0</v>
      </c>
    </row>
    <row r="49" spans="1:12" s="270" customFormat="1" ht="10.5" x14ac:dyDescent="0.2">
      <c r="A49" s="652" t="s">
        <v>687</v>
      </c>
      <c r="B49" s="524">
        <v>0</v>
      </c>
      <c r="C49" s="524">
        <v>100</v>
      </c>
      <c r="D49" s="524">
        <v>0</v>
      </c>
      <c r="E49" s="524">
        <v>0</v>
      </c>
      <c r="F49" s="541">
        <v>0</v>
      </c>
      <c r="G49" s="524">
        <v>100</v>
      </c>
      <c r="H49" s="524">
        <v>0</v>
      </c>
      <c r="I49" s="524">
        <v>0</v>
      </c>
      <c r="J49" s="541">
        <v>0</v>
      </c>
      <c r="K49" s="668">
        <v>100</v>
      </c>
      <c r="L49" s="464"/>
    </row>
    <row r="50" spans="1:12" ht="10.5" x14ac:dyDescent="0.2">
      <c r="A50" s="187" t="s">
        <v>688</v>
      </c>
      <c r="B50" s="524">
        <v>100</v>
      </c>
      <c r="C50" s="524">
        <v>100</v>
      </c>
      <c r="D50" s="524">
        <v>0</v>
      </c>
      <c r="E50" s="524">
        <v>0</v>
      </c>
      <c r="F50" s="541">
        <v>0</v>
      </c>
      <c r="G50" s="524">
        <v>100</v>
      </c>
      <c r="H50" s="524">
        <v>0</v>
      </c>
      <c r="I50" s="524">
        <v>0</v>
      </c>
      <c r="J50" s="541">
        <v>0</v>
      </c>
      <c r="K50" s="668">
        <v>100</v>
      </c>
      <c r="L50" s="464">
        <v>0</v>
      </c>
    </row>
    <row r="51" spans="1:12" ht="10.5" x14ac:dyDescent="0.2">
      <c r="A51" s="187"/>
      <c r="B51" s="524"/>
      <c r="C51" s="524"/>
      <c r="D51" s="524"/>
      <c r="E51" s="524"/>
      <c r="F51" s="225"/>
      <c r="G51" s="524"/>
      <c r="H51" s="524"/>
      <c r="I51" s="524"/>
      <c r="J51" s="225"/>
      <c r="K51" s="668"/>
      <c r="L51" s="464"/>
    </row>
    <row r="52" spans="1:12" s="65" customFormat="1" ht="10.5" x14ac:dyDescent="0.2">
      <c r="A52" s="142" t="s">
        <v>663</v>
      </c>
      <c r="B52" s="527">
        <v>1547322700</v>
      </c>
      <c r="C52" s="527">
        <v>1547322700</v>
      </c>
      <c r="D52" s="527">
        <v>344020471.31</v>
      </c>
      <c r="E52" s="527">
        <v>344020471.31</v>
      </c>
      <c r="F52" s="539">
        <v>11.755630651743555</v>
      </c>
      <c r="G52" s="527">
        <v>1203302228.6900001</v>
      </c>
      <c r="H52" s="527">
        <v>159416790.01000005</v>
      </c>
      <c r="I52" s="527">
        <v>159416790.01000005</v>
      </c>
      <c r="J52" s="539">
        <v>8.7828135984784428</v>
      </c>
      <c r="K52" s="340">
        <v>1387905909.99</v>
      </c>
      <c r="L52" s="464">
        <v>0</v>
      </c>
    </row>
    <row r="53" spans="1:12" ht="10.5" x14ac:dyDescent="0.2">
      <c r="A53" s="187" t="s">
        <v>664</v>
      </c>
      <c r="B53" s="524">
        <v>1547322700</v>
      </c>
      <c r="C53" s="524">
        <v>1547322700</v>
      </c>
      <c r="D53" s="524">
        <v>344020471.31</v>
      </c>
      <c r="E53" s="524">
        <v>344020471.31</v>
      </c>
      <c r="F53" s="541">
        <v>11.755630651743555</v>
      </c>
      <c r="G53" s="524">
        <v>1203302228.6900001</v>
      </c>
      <c r="H53" s="524">
        <v>159416790.01000005</v>
      </c>
      <c r="I53" s="524">
        <v>159416790.01000005</v>
      </c>
      <c r="J53" s="541">
        <v>8.7828135984784428</v>
      </c>
      <c r="K53" s="668">
        <v>1387905909.99</v>
      </c>
      <c r="L53" s="464">
        <v>0</v>
      </c>
    </row>
    <row r="54" spans="1:12" ht="10.5" x14ac:dyDescent="0.2">
      <c r="A54" s="187"/>
      <c r="B54" s="524"/>
      <c r="C54" s="524"/>
      <c r="D54" s="524"/>
      <c r="E54" s="524"/>
      <c r="F54" s="225"/>
      <c r="G54" s="524"/>
      <c r="H54" s="524"/>
      <c r="I54" s="524"/>
      <c r="J54" s="225"/>
      <c r="K54" s="668"/>
      <c r="L54" s="464"/>
    </row>
    <row r="55" spans="1:12" s="65" customFormat="1" ht="10.5" x14ac:dyDescent="0.2">
      <c r="A55" s="142" t="s">
        <v>665</v>
      </c>
      <c r="B55" s="527">
        <v>1074951200</v>
      </c>
      <c r="C55" s="527">
        <v>1072854200.0000002</v>
      </c>
      <c r="D55" s="527">
        <v>126262448.44000001</v>
      </c>
      <c r="E55" s="527">
        <v>126262448.44000001</v>
      </c>
      <c r="F55" s="539">
        <v>4.314553443268621</v>
      </c>
      <c r="G55" s="527">
        <v>946591751.56000018</v>
      </c>
      <c r="H55" s="527">
        <v>62325227.710000023</v>
      </c>
      <c r="I55" s="527">
        <v>62325227.710000023</v>
      </c>
      <c r="J55" s="539">
        <v>3.4337089426108531</v>
      </c>
      <c r="K55" s="340">
        <v>1010528972.2900002</v>
      </c>
      <c r="L55" s="464">
        <v>0</v>
      </c>
    </row>
    <row r="56" spans="1:12" ht="10.5" x14ac:dyDescent="0.2">
      <c r="A56" s="21" t="s">
        <v>651</v>
      </c>
      <c r="B56" s="524">
        <v>333011100</v>
      </c>
      <c r="C56" s="524">
        <v>328235299.99999994</v>
      </c>
      <c r="D56" s="524">
        <v>32506466.369999994</v>
      </c>
      <c r="E56" s="524">
        <v>32506466.369999994</v>
      </c>
      <c r="F56" s="541">
        <v>1.1107885847138979</v>
      </c>
      <c r="G56" s="524">
        <v>295728833.62999994</v>
      </c>
      <c r="H56" s="524">
        <v>28524557.600000001</v>
      </c>
      <c r="I56" s="524">
        <v>28524557.600000001</v>
      </c>
      <c r="J56" s="541">
        <v>1.5715149725706208</v>
      </c>
      <c r="K56" s="668">
        <v>299710742.39999992</v>
      </c>
      <c r="L56" s="464">
        <v>0</v>
      </c>
    </row>
    <row r="57" spans="1:12" ht="10.5" x14ac:dyDescent="0.2">
      <c r="A57" s="21" t="s">
        <v>765</v>
      </c>
      <c r="B57" s="524">
        <v>2181000</v>
      </c>
      <c r="C57" s="524">
        <v>2181000</v>
      </c>
      <c r="D57" s="524">
        <v>0</v>
      </c>
      <c r="E57" s="524">
        <v>0</v>
      </c>
      <c r="F57" s="541">
        <v>0</v>
      </c>
      <c r="G57" s="524">
        <v>2181000</v>
      </c>
      <c r="H57" s="524">
        <v>0</v>
      </c>
      <c r="I57" s="524">
        <v>0</v>
      </c>
      <c r="J57" s="541">
        <v>0</v>
      </c>
      <c r="K57" s="668">
        <v>2181000</v>
      </c>
      <c r="L57" s="464">
        <v>0</v>
      </c>
    </row>
    <row r="58" spans="1:12" ht="10.5" x14ac:dyDescent="0.2">
      <c r="A58" s="21" t="s">
        <v>655</v>
      </c>
      <c r="B58" s="524">
        <v>4578100</v>
      </c>
      <c r="C58" s="524">
        <v>4578100</v>
      </c>
      <c r="D58" s="524">
        <v>920966.85</v>
      </c>
      <c r="E58" s="524">
        <v>920966.85</v>
      </c>
      <c r="F58" s="541">
        <v>3.1470645016772297E-2</v>
      </c>
      <c r="G58" s="524">
        <v>3657133.15</v>
      </c>
      <c r="H58" s="524">
        <v>5433.24</v>
      </c>
      <c r="I58" s="524">
        <v>5433.24</v>
      </c>
      <c r="J58" s="541">
        <v>2.993356857380182E-4</v>
      </c>
      <c r="K58" s="668">
        <v>4572666.76</v>
      </c>
      <c r="L58" s="464">
        <v>0</v>
      </c>
    </row>
    <row r="59" spans="1:12" ht="10.5" x14ac:dyDescent="0.2">
      <c r="A59" s="187" t="s">
        <v>667</v>
      </c>
      <c r="B59" s="524">
        <v>64744900</v>
      </c>
      <c r="C59" s="524">
        <v>67506500</v>
      </c>
      <c r="D59" s="524">
        <v>4145761.69</v>
      </c>
      <c r="E59" s="524">
        <v>4145761.69</v>
      </c>
      <c r="F59" s="541">
        <v>0.14166611368272811</v>
      </c>
      <c r="G59" s="524">
        <v>63360738.310000002</v>
      </c>
      <c r="H59" s="524">
        <v>2762995.61</v>
      </c>
      <c r="I59" s="524">
        <v>2762995.61</v>
      </c>
      <c r="J59" s="541">
        <v>0.15222283308127083</v>
      </c>
      <c r="K59" s="668">
        <v>64743504.390000001</v>
      </c>
      <c r="L59" s="464">
        <v>0</v>
      </c>
    </row>
    <row r="60" spans="1:12" ht="10.5" x14ac:dyDescent="0.2">
      <c r="A60" s="187" t="s">
        <v>668</v>
      </c>
      <c r="B60" s="524">
        <v>547235100</v>
      </c>
      <c r="C60" s="524">
        <v>546091900.00000024</v>
      </c>
      <c r="D60" s="524">
        <v>74959206.930000007</v>
      </c>
      <c r="E60" s="524">
        <v>74959206.930000007</v>
      </c>
      <c r="F60" s="541">
        <v>2.561454402004598</v>
      </c>
      <c r="G60" s="524">
        <v>471132693.07000023</v>
      </c>
      <c r="H60" s="524">
        <v>29279876.690000013</v>
      </c>
      <c r="I60" s="524">
        <v>29279876.690000013</v>
      </c>
      <c r="J60" s="541">
        <v>1.6131280722599717</v>
      </c>
      <c r="K60" s="668">
        <v>516812023.31000024</v>
      </c>
      <c r="L60" s="464">
        <v>0</v>
      </c>
    </row>
    <row r="61" spans="1:12" ht="10.5" x14ac:dyDescent="0.2">
      <c r="A61" s="187" t="s">
        <v>669</v>
      </c>
      <c r="B61" s="524">
        <v>76275000</v>
      </c>
      <c r="C61" s="524">
        <v>76985400</v>
      </c>
      <c r="D61" s="524">
        <v>5578736.330000001</v>
      </c>
      <c r="E61" s="524">
        <v>5578736.330000001</v>
      </c>
      <c r="F61" s="541">
        <v>0.19063273632878439</v>
      </c>
      <c r="G61" s="524">
        <v>71406663.670000002</v>
      </c>
      <c r="H61" s="524">
        <v>1277767.06</v>
      </c>
      <c r="I61" s="524">
        <v>1277767.06</v>
      </c>
      <c r="J61" s="541">
        <v>7.0396536710793461E-2</v>
      </c>
      <c r="K61" s="668">
        <v>75707632.939999998</v>
      </c>
      <c r="L61" s="464">
        <v>0</v>
      </c>
    </row>
    <row r="62" spans="1:12" ht="10.5" x14ac:dyDescent="0.2">
      <c r="A62" s="187" t="s">
        <v>670</v>
      </c>
      <c r="B62" s="524">
        <v>17119600</v>
      </c>
      <c r="C62" s="524">
        <v>17469600</v>
      </c>
      <c r="D62" s="524">
        <v>6328545.6699999999</v>
      </c>
      <c r="E62" s="524">
        <v>6328545.6699999999</v>
      </c>
      <c r="F62" s="541">
        <v>0.21625470477357728</v>
      </c>
      <c r="G62" s="524">
        <v>11141054.33</v>
      </c>
      <c r="H62" s="524">
        <v>83193.100000000006</v>
      </c>
      <c r="I62" s="524">
        <v>83193.100000000006</v>
      </c>
      <c r="J62" s="541">
        <v>4.5833910589577346E-3</v>
      </c>
      <c r="K62" s="668">
        <v>17386406.899999999</v>
      </c>
      <c r="L62" s="464">
        <v>0</v>
      </c>
    </row>
    <row r="63" spans="1:12" ht="10.5" x14ac:dyDescent="0.2">
      <c r="A63" s="187" t="s">
        <v>671</v>
      </c>
      <c r="B63" s="524">
        <v>21281500</v>
      </c>
      <c r="C63" s="524">
        <v>21281500</v>
      </c>
      <c r="D63" s="524">
        <v>713231.56</v>
      </c>
      <c r="E63" s="524">
        <v>713231.56</v>
      </c>
      <c r="F63" s="541">
        <v>2.4372057734237378E-2</v>
      </c>
      <c r="G63" s="524">
        <v>20568268.440000001</v>
      </c>
      <c r="H63" s="524">
        <v>152889.81</v>
      </c>
      <c r="I63" s="524">
        <v>152889.81</v>
      </c>
      <c r="J63" s="541">
        <v>8.4232200526215134E-3</v>
      </c>
      <c r="K63" s="668">
        <v>21128610.190000001</v>
      </c>
      <c r="L63" s="464">
        <v>0</v>
      </c>
    </row>
    <row r="64" spans="1:12" ht="10.5" x14ac:dyDescent="0.2">
      <c r="A64" s="187" t="s">
        <v>672</v>
      </c>
      <c r="B64" s="524">
        <v>108000</v>
      </c>
      <c r="C64" s="524">
        <v>108000</v>
      </c>
      <c r="D64" s="524">
        <v>4040</v>
      </c>
      <c r="E64" s="524">
        <v>4040</v>
      </c>
      <c r="F64" s="541">
        <v>1.3805209803996755E-4</v>
      </c>
      <c r="G64" s="524">
        <v>103960</v>
      </c>
      <c r="H64" s="524">
        <v>0</v>
      </c>
      <c r="I64" s="524">
        <v>0</v>
      </c>
      <c r="J64" s="541">
        <v>0</v>
      </c>
      <c r="K64" s="668">
        <v>108000</v>
      </c>
      <c r="L64" s="464">
        <v>0</v>
      </c>
    </row>
    <row r="65" spans="1:12" ht="10.5" x14ac:dyDescent="0.2">
      <c r="A65" s="187" t="s">
        <v>673</v>
      </c>
      <c r="B65" s="524">
        <v>3661900</v>
      </c>
      <c r="C65" s="524">
        <v>3661900</v>
      </c>
      <c r="D65" s="524">
        <v>457493.04000000004</v>
      </c>
      <c r="E65" s="524">
        <v>457493.04000000004</v>
      </c>
      <c r="F65" s="541">
        <v>1.5633137131357128E-2</v>
      </c>
      <c r="G65" s="524">
        <v>3204406.96</v>
      </c>
      <c r="H65" s="524">
        <v>235614.6</v>
      </c>
      <c r="I65" s="524">
        <v>235614.6</v>
      </c>
      <c r="J65" s="541">
        <v>1.2980810319604668E-2</v>
      </c>
      <c r="K65" s="668">
        <v>3426285.4</v>
      </c>
      <c r="L65" s="464">
        <v>0</v>
      </c>
    </row>
    <row r="66" spans="1:12" ht="10.5" x14ac:dyDescent="0.2">
      <c r="A66" s="187" t="s">
        <v>677</v>
      </c>
      <c r="B66" s="524">
        <v>3687000</v>
      </c>
      <c r="C66" s="524">
        <v>3687000</v>
      </c>
      <c r="D66" s="524">
        <v>648000</v>
      </c>
      <c r="E66" s="524">
        <v>648000</v>
      </c>
      <c r="F66" s="541">
        <v>2.2143009784628461E-2</v>
      </c>
      <c r="G66" s="524">
        <v>3039000</v>
      </c>
      <c r="H66" s="524">
        <v>2900</v>
      </c>
      <c r="I66" s="524">
        <v>2900</v>
      </c>
      <c r="J66" s="541">
        <v>1.5977087127390889E-4</v>
      </c>
      <c r="K66" s="668">
        <v>3684100</v>
      </c>
      <c r="L66" s="464">
        <v>0</v>
      </c>
    </row>
    <row r="67" spans="1:12" ht="10.5" x14ac:dyDescent="0.2">
      <c r="A67" s="187" t="s">
        <v>729</v>
      </c>
      <c r="B67" s="524">
        <v>1068000</v>
      </c>
      <c r="C67" s="524">
        <v>1068000</v>
      </c>
      <c r="D67" s="524">
        <v>0</v>
      </c>
      <c r="E67" s="524">
        <v>0</v>
      </c>
      <c r="F67" s="541">
        <v>0</v>
      </c>
      <c r="G67" s="524">
        <v>1068000</v>
      </c>
      <c r="H67" s="524">
        <v>0</v>
      </c>
      <c r="I67" s="524">
        <v>0</v>
      </c>
      <c r="J67" s="541">
        <v>0</v>
      </c>
      <c r="K67" s="668">
        <v>1068000</v>
      </c>
      <c r="L67" s="464">
        <v>0</v>
      </c>
    </row>
    <row r="68" spans="1:12" ht="10.5" x14ac:dyDescent="0.2">
      <c r="A68" s="187"/>
      <c r="B68" s="524"/>
      <c r="C68" s="524"/>
      <c r="D68" s="524"/>
      <c r="E68" s="524"/>
      <c r="F68" s="225"/>
      <c r="G68" s="524"/>
      <c r="H68" s="524"/>
      <c r="I68" s="524"/>
      <c r="J68" s="225"/>
      <c r="K68" s="668"/>
      <c r="L68" s="464"/>
    </row>
    <row r="69" spans="1:12" s="65" customFormat="1" ht="10.5" x14ac:dyDescent="0.2">
      <c r="A69" s="142" t="s">
        <v>666</v>
      </c>
      <c r="B69" s="527">
        <v>12324500</v>
      </c>
      <c r="C69" s="527">
        <v>12340100</v>
      </c>
      <c r="D69" s="527">
        <v>1114161.9100000001</v>
      </c>
      <c r="E69" s="527">
        <v>1114161.9100000001</v>
      </c>
      <c r="F69" s="539">
        <v>3.8072373572207309E-2</v>
      </c>
      <c r="G69" s="527">
        <v>11225938.09</v>
      </c>
      <c r="H69" s="527">
        <v>1074802.68</v>
      </c>
      <c r="I69" s="527">
        <v>1074802.68</v>
      </c>
      <c r="J69" s="539">
        <v>5.9214538148666312E-2</v>
      </c>
      <c r="K69" s="340">
        <v>11265297.32</v>
      </c>
      <c r="L69" s="464">
        <v>0</v>
      </c>
    </row>
    <row r="70" spans="1:12" ht="10.5" x14ac:dyDescent="0.2">
      <c r="A70" s="187" t="s">
        <v>651</v>
      </c>
      <c r="B70" s="524">
        <v>5400000</v>
      </c>
      <c r="C70" s="524">
        <v>5361874</v>
      </c>
      <c r="D70" s="524">
        <v>1003255.8300000001</v>
      </c>
      <c r="E70" s="524">
        <v>1003255.8300000001</v>
      </c>
      <c r="F70" s="541">
        <v>3.4282567376814115E-2</v>
      </c>
      <c r="G70" s="524">
        <v>4358618.17</v>
      </c>
      <c r="H70" s="524">
        <v>963906.6</v>
      </c>
      <c r="I70" s="524">
        <v>963906.6</v>
      </c>
      <c r="J70" s="541">
        <v>5.3104895623679718E-2</v>
      </c>
      <c r="K70" s="668">
        <v>4397967.4000000004</v>
      </c>
      <c r="L70" s="464">
        <v>0</v>
      </c>
    </row>
    <row r="71" spans="1:12" ht="10.5" x14ac:dyDescent="0.2">
      <c r="A71" s="187" t="s">
        <v>674</v>
      </c>
      <c r="B71" s="524">
        <v>6924500</v>
      </c>
      <c r="C71" s="524">
        <v>6978226</v>
      </c>
      <c r="D71" s="524">
        <v>110906.08000000002</v>
      </c>
      <c r="E71" s="524">
        <v>110906.08000000002</v>
      </c>
      <c r="F71" s="541">
        <v>3.7898061953931896E-3</v>
      </c>
      <c r="G71" s="524">
        <v>6867319.9199999999</v>
      </c>
      <c r="H71" s="524">
        <v>110896.08000000002</v>
      </c>
      <c r="I71" s="524">
        <v>110896.08000000002</v>
      </c>
      <c r="J71" s="541">
        <v>6.1096425249865874E-3</v>
      </c>
      <c r="K71" s="668">
        <v>6867329.9199999999</v>
      </c>
      <c r="L71" s="464">
        <v>0</v>
      </c>
    </row>
    <row r="72" spans="1:12" ht="10.5" x14ac:dyDescent="0.2">
      <c r="A72" s="187"/>
      <c r="B72" s="524"/>
      <c r="C72" s="524"/>
      <c r="D72" s="524"/>
      <c r="E72" s="524"/>
      <c r="F72" s="225"/>
      <c r="G72" s="524"/>
      <c r="H72" s="524"/>
      <c r="I72" s="524"/>
      <c r="J72" s="225"/>
      <c r="K72" s="668"/>
      <c r="L72" s="464"/>
    </row>
    <row r="73" spans="1:12" s="65" customFormat="1" ht="10.5" x14ac:dyDescent="0.2">
      <c r="A73" s="142" t="s">
        <v>682</v>
      </c>
      <c r="B73" s="527">
        <v>1479468400</v>
      </c>
      <c r="C73" s="527">
        <v>1494399851.1699998</v>
      </c>
      <c r="D73" s="527">
        <v>248728188.75000003</v>
      </c>
      <c r="E73" s="527">
        <v>248728188.75000003</v>
      </c>
      <c r="F73" s="539">
        <v>8.4993683907471684</v>
      </c>
      <c r="G73" s="527">
        <v>1245671662.4199996</v>
      </c>
      <c r="H73" s="527">
        <v>151123174.55999994</v>
      </c>
      <c r="I73" s="527">
        <v>151123174.55999994</v>
      </c>
      <c r="J73" s="539">
        <v>8.3258900928035224</v>
      </c>
      <c r="K73" s="340">
        <v>1343276676.6099999</v>
      </c>
      <c r="L73" s="464">
        <v>0</v>
      </c>
    </row>
    <row r="74" spans="1:12" ht="10.5" x14ac:dyDescent="0.2">
      <c r="A74" s="21" t="s">
        <v>651</v>
      </c>
      <c r="B74" s="524">
        <v>1126742800</v>
      </c>
      <c r="C74" s="524">
        <v>1142213799.9999998</v>
      </c>
      <c r="D74" s="524">
        <v>231201122.14000005</v>
      </c>
      <c r="E74" s="524">
        <v>231201122.14000005</v>
      </c>
      <c r="F74" s="541">
        <v>7.9004455397578708</v>
      </c>
      <c r="G74" s="524">
        <v>911012677.85999966</v>
      </c>
      <c r="H74" s="524">
        <v>148332721.26999992</v>
      </c>
      <c r="I74" s="524">
        <v>148332721.26999992</v>
      </c>
      <c r="J74" s="541">
        <v>8.172154522668194</v>
      </c>
      <c r="K74" s="668">
        <v>993881078.72999978</v>
      </c>
      <c r="L74" s="464">
        <v>0</v>
      </c>
    </row>
    <row r="75" spans="1:12" ht="10.5" x14ac:dyDescent="0.2">
      <c r="A75" s="187" t="s">
        <v>675</v>
      </c>
      <c r="B75" s="524">
        <v>34443400</v>
      </c>
      <c r="C75" s="524">
        <v>33903851</v>
      </c>
      <c r="D75" s="524">
        <v>406628.6</v>
      </c>
      <c r="E75" s="524">
        <v>406628.6</v>
      </c>
      <c r="F75" s="541">
        <v>1.3895032513132363E-2</v>
      </c>
      <c r="G75" s="524">
        <v>33497222.399999999</v>
      </c>
      <c r="H75" s="524">
        <v>53013.159999999996</v>
      </c>
      <c r="I75" s="524">
        <v>53013.159999999996</v>
      </c>
      <c r="J75" s="541">
        <v>2.9206754352355639E-3</v>
      </c>
      <c r="K75" s="668">
        <v>33850837.840000004</v>
      </c>
      <c r="L75" s="464">
        <v>0</v>
      </c>
    </row>
    <row r="76" spans="1:12" ht="10.5" x14ac:dyDescent="0.2">
      <c r="A76" s="187" t="s">
        <v>676</v>
      </c>
      <c r="B76" s="524">
        <v>35014400</v>
      </c>
      <c r="C76" s="524">
        <v>30742422</v>
      </c>
      <c r="D76" s="524">
        <v>154166.64000000001</v>
      </c>
      <c r="E76" s="524">
        <v>154166.64000000001</v>
      </c>
      <c r="F76" s="541">
        <v>5.2680762623198967E-3</v>
      </c>
      <c r="G76" s="524">
        <v>30588255.359999999</v>
      </c>
      <c r="H76" s="524">
        <v>0</v>
      </c>
      <c r="I76" s="524">
        <v>0</v>
      </c>
      <c r="J76" s="541">
        <v>0</v>
      </c>
      <c r="K76" s="668">
        <v>30742422</v>
      </c>
      <c r="L76" s="464">
        <v>0</v>
      </c>
    </row>
    <row r="77" spans="1:12" ht="10.5" x14ac:dyDescent="0.2">
      <c r="A77" s="187" t="s">
        <v>677</v>
      </c>
      <c r="B77" s="524">
        <v>21651100</v>
      </c>
      <c r="C77" s="524">
        <v>30842428</v>
      </c>
      <c r="D77" s="524">
        <v>10461086</v>
      </c>
      <c r="E77" s="524">
        <v>10461086</v>
      </c>
      <c r="F77" s="541">
        <v>0.35746902724666635</v>
      </c>
      <c r="G77" s="524">
        <v>20381342</v>
      </c>
      <c r="H77" s="524">
        <v>101410.81999999999</v>
      </c>
      <c r="I77" s="524">
        <v>101410.81999999999</v>
      </c>
      <c r="J77" s="541">
        <v>5.5870672648281189E-3</v>
      </c>
      <c r="K77" s="668">
        <v>30741017.18</v>
      </c>
      <c r="L77" s="464">
        <v>0</v>
      </c>
    </row>
    <row r="78" spans="1:12" ht="10.5" x14ac:dyDescent="0.2">
      <c r="A78" s="187" t="s">
        <v>678</v>
      </c>
      <c r="B78" s="524">
        <v>24613100</v>
      </c>
      <c r="C78" s="524">
        <v>24613100</v>
      </c>
      <c r="D78" s="524">
        <v>1558900.56</v>
      </c>
      <c r="E78" s="524">
        <v>1558900.56</v>
      </c>
      <c r="F78" s="541">
        <v>5.3269676471208005E-2</v>
      </c>
      <c r="G78" s="524">
        <v>23054199.440000001</v>
      </c>
      <c r="H78" s="524">
        <v>1180189.5</v>
      </c>
      <c r="I78" s="524">
        <v>1180189.5</v>
      </c>
      <c r="J78" s="541">
        <v>6.5020656787351347E-2</v>
      </c>
      <c r="K78" s="668">
        <v>23432910.5</v>
      </c>
      <c r="L78" s="464">
        <v>0</v>
      </c>
    </row>
    <row r="79" spans="1:12" ht="10.5" x14ac:dyDescent="0.2">
      <c r="A79" s="187" t="s">
        <v>679</v>
      </c>
      <c r="B79" s="524">
        <v>187600</v>
      </c>
      <c r="C79" s="524">
        <v>187600</v>
      </c>
      <c r="D79" s="524">
        <v>0</v>
      </c>
      <c r="E79" s="524">
        <v>0</v>
      </c>
      <c r="F79" s="541">
        <v>0</v>
      </c>
      <c r="G79" s="524">
        <v>187600</v>
      </c>
      <c r="H79" s="524">
        <v>0</v>
      </c>
      <c r="I79" s="524">
        <v>0</v>
      </c>
      <c r="J79" s="541">
        <v>0</v>
      </c>
      <c r="K79" s="668">
        <v>187600</v>
      </c>
      <c r="L79" s="464">
        <v>0</v>
      </c>
    </row>
    <row r="80" spans="1:12" ht="10.5" x14ac:dyDescent="0.2">
      <c r="A80" s="187" t="s">
        <v>680</v>
      </c>
      <c r="B80" s="524">
        <v>5327000</v>
      </c>
      <c r="C80" s="524">
        <v>8314944.1699999999</v>
      </c>
      <c r="D80" s="524">
        <v>1547139.23</v>
      </c>
      <c r="E80" s="524">
        <v>1547139.23</v>
      </c>
      <c r="F80" s="541">
        <v>5.286777640134651E-2</v>
      </c>
      <c r="G80" s="524">
        <v>6767804.9399999995</v>
      </c>
      <c r="H80" s="524">
        <v>679929.24</v>
      </c>
      <c r="I80" s="524">
        <v>679929.24</v>
      </c>
      <c r="J80" s="541">
        <v>3.7459616234278174E-2</v>
      </c>
      <c r="K80" s="668">
        <v>7635014.9299999997</v>
      </c>
      <c r="L80" s="464">
        <v>0</v>
      </c>
    </row>
    <row r="81" spans="1:12" ht="10.5" x14ac:dyDescent="0.2">
      <c r="A81" s="187" t="s">
        <v>681</v>
      </c>
      <c r="B81" s="524">
        <v>19483200</v>
      </c>
      <c r="C81" s="524">
        <v>19483200</v>
      </c>
      <c r="D81" s="524">
        <v>3000</v>
      </c>
      <c r="E81" s="524">
        <v>3000</v>
      </c>
      <c r="F81" s="541">
        <v>1.0251393418809471E-4</v>
      </c>
      <c r="G81" s="524">
        <v>19480200</v>
      </c>
      <c r="H81" s="524">
        <v>0</v>
      </c>
      <c r="I81" s="524">
        <v>0</v>
      </c>
      <c r="J81" s="541">
        <v>0</v>
      </c>
      <c r="K81" s="668">
        <v>19483200</v>
      </c>
      <c r="L81" s="464">
        <v>0</v>
      </c>
    </row>
    <row r="82" spans="1:12" ht="10.5" x14ac:dyDescent="0.2">
      <c r="A82" s="187" t="s">
        <v>766</v>
      </c>
      <c r="B82" s="524">
        <v>185126400</v>
      </c>
      <c r="C82" s="524">
        <v>177219105.99999994</v>
      </c>
      <c r="D82" s="524">
        <v>2388371.38</v>
      </c>
      <c r="E82" s="524">
        <v>2388371.38</v>
      </c>
      <c r="F82" s="541">
        <v>8.1613782155349646E-2</v>
      </c>
      <c r="G82" s="524">
        <v>174830734.61999995</v>
      </c>
      <c r="H82" s="524">
        <v>641780.41</v>
      </c>
      <c r="I82" s="524">
        <v>641780.41</v>
      </c>
      <c r="J82" s="541">
        <v>3.5357867335250509E-2</v>
      </c>
      <c r="K82" s="668">
        <v>176577325.58999994</v>
      </c>
      <c r="L82" s="464">
        <v>0</v>
      </c>
    </row>
    <row r="83" spans="1:12" ht="10.5" x14ac:dyDescent="0.2">
      <c r="A83" s="187" t="s">
        <v>703</v>
      </c>
      <c r="B83" s="524">
        <v>11318700</v>
      </c>
      <c r="C83" s="524">
        <v>11318700</v>
      </c>
      <c r="D83" s="524">
        <v>415976.23999999993</v>
      </c>
      <c r="E83" s="524">
        <v>415976.23999999993</v>
      </c>
      <c r="F83" s="541">
        <v>1.4214453630390363E-2</v>
      </c>
      <c r="G83" s="524">
        <v>10902723.76</v>
      </c>
      <c r="H83" s="524">
        <v>73013.33</v>
      </c>
      <c r="I83" s="524">
        <v>73013.33</v>
      </c>
      <c r="J83" s="541">
        <v>4.0225528788653203E-3</v>
      </c>
      <c r="K83" s="668">
        <v>11245686.67</v>
      </c>
      <c r="L83" s="464">
        <v>0</v>
      </c>
    </row>
    <row r="84" spans="1:12" ht="10.5" x14ac:dyDescent="0.2">
      <c r="A84" s="187" t="s">
        <v>705</v>
      </c>
      <c r="B84" s="524">
        <v>15560700</v>
      </c>
      <c r="C84" s="524">
        <v>15560700</v>
      </c>
      <c r="D84" s="524">
        <v>591797.96</v>
      </c>
      <c r="E84" s="524">
        <v>591797.96</v>
      </c>
      <c r="F84" s="541">
        <v>2.0222512374696234E-2</v>
      </c>
      <c r="G84" s="524">
        <v>14968902.039999999</v>
      </c>
      <c r="H84" s="524">
        <v>61116.83</v>
      </c>
      <c r="I84" s="524">
        <v>61116.83</v>
      </c>
      <c r="J84" s="541">
        <v>3.3671341995170252E-3</v>
      </c>
      <c r="K84" s="668">
        <v>15499583.17</v>
      </c>
      <c r="L84" s="464">
        <v>0</v>
      </c>
    </row>
    <row r="85" spans="1:12" ht="10.5" x14ac:dyDescent="0.2">
      <c r="A85" s="187" t="s">
        <v>729</v>
      </c>
      <c r="B85" s="524">
        <v>0</v>
      </c>
      <c r="C85" s="524">
        <v>0</v>
      </c>
      <c r="D85" s="524">
        <v>0</v>
      </c>
      <c r="E85" s="524">
        <v>0</v>
      </c>
      <c r="F85" s="541">
        <v>0</v>
      </c>
      <c r="G85" s="524">
        <v>0</v>
      </c>
      <c r="H85" s="524">
        <v>0</v>
      </c>
      <c r="I85" s="524">
        <v>0</v>
      </c>
      <c r="J85" s="541">
        <v>0</v>
      </c>
      <c r="K85" s="668">
        <v>0</v>
      </c>
      <c r="L85" s="464">
        <v>0</v>
      </c>
    </row>
    <row r="86" spans="1:12" ht="10.5" x14ac:dyDescent="0.2">
      <c r="A86" s="187"/>
      <c r="B86" s="524"/>
      <c r="C86" s="524"/>
      <c r="D86" s="524"/>
      <c r="E86" s="524"/>
      <c r="F86" s="225"/>
      <c r="G86" s="524"/>
      <c r="H86" s="524"/>
      <c r="I86" s="524"/>
      <c r="J86" s="225"/>
      <c r="K86" s="668"/>
      <c r="L86" s="464"/>
    </row>
    <row r="87" spans="1:12" s="65" customFormat="1" ht="10.5" x14ac:dyDescent="0.2">
      <c r="A87" s="142" t="s">
        <v>683</v>
      </c>
      <c r="B87" s="527">
        <v>45533800</v>
      </c>
      <c r="C87" s="527">
        <v>41238299.999999993</v>
      </c>
      <c r="D87" s="527">
        <v>1960991.97</v>
      </c>
      <c r="E87" s="527">
        <v>1960991.97</v>
      </c>
      <c r="F87" s="539">
        <v>6.7009667251987398E-2</v>
      </c>
      <c r="G87" s="527">
        <v>39277308.029999994</v>
      </c>
      <c r="H87" s="527">
        <v>1744803.1300000004</v>
      </c>
      <c r="I87" s="527">
        <v>1744803.1300000004</v>
      </c>
      <c r="J87" s="539">
        <v>9.6127143545359783E-2</v>
      </c>
      <c r="K87" s="340">
        <v>39493496.86999999</v>
      </c>
      <c r="L87" s="464">
        <v>0</v>
      </c>
    </row>
    <row r="88" spans="1:12" ht="10.5" x14ac:dyDescent="0.2">
      <c r="A88" s="187" t="s">
        <v>684</v>
      </c>
      <c r="B88" s="524">
        <v>45533800</v>
      </c>
      <c r="C88" s="524">
        <v>41238299.999999993</v>
      </c>
      <c r="D88" s="524">
        <v>1960991.97</v>
      </c>
      <c r="E88" s="524">
        <v>1960991.97</v>
      </c>
      <c r="F88" s="541">
        <v>6.7009667251987398E-2</v>
      </c>
      <c r="G88" s="524">
        <v>39277308.029999994</v>
      </c>
      <c r="H88" s="524">
        <v>1744803.1300000004</v>
      </c>
      <c r="I88" s="524">
        <v>1744803.1300000004</v>
      </c>
      <c r="J88" s="541">
        <v>9.6127143545359783E-2</v>
      </c>
      <c r="K88" s="668">
        <v>39493496.86999999</v>
      </c>
      <c r="L88" s="464">
        <v>0</v>
      </c>
    </row>
    <row r="89" spans="1:12" ht="10.5" x14ac:dyDescent="0.2">
      <c r="A89" s="187"/>
      <c r="B89" s="524"/>
      <c r="C89" s="524"/>
      <c r="D89" s="524"/>
      <c r="E89" s="524"/>
      <c r="F89" s="225"/>
      <c r="G89" s="524"/>
      <c r="H89" s="524"/>
      <c r="I89" s="524"/>
      <c r="J89" s="225"/>
      <c r="K89" s="668"/>
      <c r="L89" s="464"/>
    </row>
    <row r="90" spans="1:12" s="65" customFormat="1" ht="10.5" x14ac:dyDescent="0.2">
      <c r="A90" s="142" t="s">
        <v>685</v>
      </c>
      <c r="B90" s="527">
        <v>118561400</v>
      </c>
      <c r="C90" s="527">
        <v>118932207</v>
      </c>
      <c r="D90" s="527">
        <v>35108542.310000002</v>
      </c>
      <c r="E90" s="527">
        <v>35108542.310000002</v>
      </c>
      <c r="F90" s="539">
        <v>1.1997049319357598</v>
      </c>
      <c r="G90" s="527">
        <v>83823664.689999998</v>
      </c>
      <c r="H90" s="527">
        <v>27198120.199999996</v>
      </c>
      <c r="I90" s="527">
        <v>27198120.199999996</v>
      </c>
      <c r="J90" s="539">
        <v>1.4984370211608624</v>
      </c>
      <c r="K90" s="340">
        <v>91734086.799999997</v>
      </c>
      <c r="L90" s="464">
        <v>0</v>
      </c>
    </row>
    <row r="91" spans="1:12" ht="10.5" x14ac:dyDescent="0.2">
      <c r="A91" s="187" t="s">
        <v>656</v>
      </c>
      <c r="B91" s="524">
        <v>7712200</v>
      </c>
      <c r="C91" s="524">
        <v>7687600</v>
      </c>
      <c r="D91" s="524">
        <v>1246556.7400000002</v>
      </c>
      <c r="E91" s="524">
        <v>1246556.7400000002</v>
      </c>
      <c r="F91" s="541">
        <v>4.259647853536197E-2</v>
      </c>
      <c r="G91" s="524">
        <v>6441043.2599999998</v>
      </c>
      <c r="H91" s="524">
        <v>1144452.6199999999</v>
      </c>
      <c r="I91" s="524">
        <v>1144452.6199999999</v>
      </c>
      <c r="J91" s="541">
        <v>6.3051790423830259E-2</v>
      </c>
      <c r="K91" s="668">
        <v>6543147.3799999999</v>
      </c>
      <c r="L91" s="464">
        <v>0</v>
      </c>
    </row>
    <row r="92" spans="1:12" ht="10.5" x14ac:dyDescent="0.2">
      <c r="A92" s="187" t="s">
        <v>686</v>
      </c>
      <c r="B92" s="524">
        <v>105965000</v>
      </c>
      <c r="C92" s="524">
        <v>105965000</v>
      </c>
      <c r="D92" s="524">
        <v>32867360.740000002</v>
      </c>
      <c r="E92" s="524">
        <v>32867360.740000002</v>
      </c>
      <c r="F92" s="541">
        <v>1.1231208186122428</v>
      </c>
      <c r="G92" s="524">
        <v>73097639.25999999</v>
      </c>
      <c r="H92" s="524">
        <v>25368271.019999996</v>
      </c>
      <c r="I92" s="524">
        <v>25368271.019999996</v>
      </c>
      <c r="J92" s="541">
        <v>1.3976244012338113</v>
      </c>
      <c r="K92" s="668">
        <v>80596728.980000004</v>
      </c>
      <c r="L92" s="464">
        <v>0</v>
      </c>
    </row>
    <row r="93" spans="1:12" ht="10.5" x14ac:dyDescent="0.2">
      <c r="A93" s="187" t="s">
        <v>687</v>
      </c>
      <c r="B93" s="524">
        <v>4684200</v>
      </c>
      <c r="C93" s="524">
        <v>5079607</v>
      </c>
      <c r="D93" s="524">
        <v>994624.83</v>
      </c>
      <c r="E93" s="524">
        <v>994624.83</v>
      </c>
      <c r="F93" s="541">
        <v>3.3987634788154968E-2</v>
      </c>
      <c r="G93" s="524">
        <v>4084982.17</v>
      </c>
      <c r="H93" s="524">
        <v>685396.56</v>
      </c>
      <c r="I93" s="524">
        <v>685396.56</v>
      </c>
      <c r="J93" s="541">
        <v>3.7760829503220683E-2</v>
      </c>
      <c r="K93" s="668">
        <v>4394210.4399999995</v>
      </c>
      <c r="L93" s="464">
        <v>0</v>
      </c>
    </row>
    <row r="94" spans="1:12" s="270" customFormat="1" ht="10.5" x14ac:dyDescent="0.2">
      <c r="A94" s="187" t="s">
        <v>688</v>
      </c>
      <c r="B94" s="524">
        <v>200000</v>
      </c>
      <c r="C94" s="524">
        <v>200000</v>
      </c>
      <c r="D94" s="524">
        <v>0</v>
      </c>
      <c r="E94" s="524">
        <v>0</v>
      </c>
      <c r="F94" s="541"/>
      <c r="G94" s="524">
        <v>200000</v>
      </c>
      <c r="H94" s="524">
        <v>0</v>
      </c>
      <c r="I94" s="524">
        <v>0</v>
      </c>
      <c r="J94" s="541"/>
      <c r="K94" s="668">
        <v>200000</v>
      </c>
      <c r="L94" s="464">
        <v>0</v>
      </c>
    </row>
    <row r="95" spans="1:12" ht="10.5" x14ac:dyDescent="0.2">
      <c r="A95" s="187"/>
      <c r="B95" s="524"/>
      <c r="C95" s="524"/>
      <c r="D95" s="524"/>
      <c r="E95" s="524"/>
      <c r="F95" s="225"/>
      <c r="G95" s="524"/>
      <c r="H95" s="524"/>
      <c r="I95" s="524"/>
      <c r="J95" s="225"/>
      <c r="K95" s="668"/>
      <c r="L95" s="464"/>
    </row>
    <row r="96" spans="1:12" s="65" customFormat="1" ht="10.5" x14ac:dyDescent="0.2">
      <c r="A96" s="142" t="s">
        <v>689</v>
      </c>
      <c r="B96" s="527">
        <v>23514000</v>
      </c>
      <c r="C96" s="527">
        <v>23500000</v>
      </c>
      <c r="D96" s="527">
        <v>1424842.91</v>
      </c>
      <c r="E96" s="527">
        <v>1424842.91</v>
      </c>
      <c r="F96" s="539">
        <v>4.8688750768037789E-2</v>
      </c>
      <c r="G96" s="527">
        <v>22075157.09</v>
      </c>
      <c r="H96" s="527">
        <v>1017314.7</v>
      </c>
      <c r="I96" s="527">
        <v>1017314.7</v>
      </c>
      <c r="J96" s="539">
        <v>5.6047329647846637E-2</v>
      </c>
      <c r="K96" s="340">
        <v>22482685.300000001</v>
      </c>
      <c r="L96" s="464">
        <v>0</v>
      </c>
    </row>
    <row r="97" spans="1:12" ht="10.5" x14ac:dyDescent="0.2">
      <c r="A97" s="187" t="s">
        <v>690</v>
      </c>
      <c r="B97" s="524">
        <v>23500000</v>
      </c>
      <c r="C97" s="524">
        <v>23500000</v>
      </c>
      <c r="D97" s="524">
        <v>1424842.91</v>
      </c>
      <c r="E97" s="524">
        <v>1424842.91</v>
      </c>
      <c r="F97" s="541">
        <v>4.8688750768037789E-2</v>
      </c>
      <c r="G97" s="524">
        <v>22075157.09</v>
      </c>
      <c r="H97" s="524">
        <v>1017314.7</v>
      </c>
      <c r="I97" s="524">
        <v>1017314.7</v>
      </c>
      <c r="J97" s="541">
        <v>5.6047329647846637E-2</v>
      </c>
      <c r="K97" s="668">
        <v>22482685.300000001</v>
      </c>
      <c r="L97" s="464">
        <v>0</v>
      </c>
    </row>
    <row r="98" spans="1:12" ht="10.5" x14ac:dyDescent="0.2">
      <c r="A98" s="187" t="s">
        <v>691</v>
      </c>
      <c r="B98" s="524">
        <v>14000</v>
      </c>
      <c r="C98" s="524">
        <v>0</v>
      </c>
      <c r="D98" s="524">
        <v>0</v>
      </c>
      <c r="E98" s="524">
        <v>0</v>
      </c>
      <c r="F98" s="541">
        <v>0</v>
      </c>
      <c r="G98" s="524">
        <v>0</v>
      </c>
      <c r="H98" s="524">
        <v>0</v>
      </c>
      <c r="I98" s="524">
        <v>0</v>
      </c>
      <c r="J98" s="541">
        <v>0</v>
      </c>
      <c r="K98" s="668">
        <v>0</v>
      </c>
      <c r="L98" s="464">
        <v>0</v>
      </c>
    </row>
    <row r="99" spans="1:12" ht="10.5" x14ac:dyDescent="0.2">
      <c r="A99" s="187"/>
      <c r="B99" s="524"/>
      <c r="C99" s="524"/>
      <c r="D99" s="524"/>
      <c r="E99" s="524"/>
      <c r="F99" s="225"/>
      <c r="G99" s="524"/>
      <c r="H99" s="524"/>
      <c r="I99" s="524"/>
      <c r="J99" s="225"/>
      <c r="K99" s="668"/>
      <c r="L99" s="464"/>
    </row>
    <row r="100" spans="1:12" s="65" customFormat="1" ht="10.5" x14ac:dyDescent="0.2">
      <c r="A100" s="167" t="s">
        <v>767</v>
      </c>
      <c r="B100" s="527">
        <v>80752700</v>
      </c>
      <c r="C100" s="527">
        <v>80766700</v>
      </c>
      <c r="D100" s="527">
        <v>9804293.0699999966</v>
      </c>
      <c r="E100" s="527">
        <v>9804293.0699999966</v>
      </c>
      <c r="F100" s="539">
        <v>0.33502555151292424</v>
      </c>
      <c r="G100" s="527">
        <v>70962406.930000007</v>
      </c>
      <c r="H100" s="527">
        <v>3275847.9099999992</v>
      </c>
      <c r="I100" s="527">
        <v>3275847.9099999992</v>
      </c>
      <c r="J100" s="539">
        <v>0.1804776119798322</v>
      </c>
      <c r="K100" s="340">
        <v>77490852.090000004</v>
      </c>
      <c r="L100" s="464">
        <v>0</v>
      </c>
    </row>
    <row r="101" spans="1:12" ht="10.5" x14ac:dyDescent="0.2">
      <c r="A101" s="187" t="s">
        <v>651</v>
      </c>
      <c r="B101" s="524">
        <v>25865000</v>
      </c>
      <c r="C101" s="524">
        <v>25568879.999999996</v>
      </c>
      <c r="D101" s="524">
        <v>2760183.319999998</v>
      </c>
      <c r="E101" s="524">
        <v>2760183.319999998</v>
      </c>
      <c r="F101" s="541">
        <v>9.4319083737852194E-2</v>
      </c>
      <c r="G101" s="524">
        <v>22808696.68</v>
      </c>
      <c r="H101" s="524">
        <v>2660414.6799999992</v>
      </c>
      <c r="I101" s="524">
        <v>2660414.6799999992</v>
      </c>
      <c r="J101" s="541">
        <v>0.1465713004736198</v>
      </c>
      <c r="K101" s="668">
        <v>22908465.319999997</v>
      </c>
      <c r="L101" s="464">
        <v>0</v>
      </c>
    </row>
    <row r="102" spans="1:12" ht="10.5" x14ac:dyDescent="0.2">
      <c r="A102" s="187" t="s">
        <v>652</v>
      </c>
      <c r="B102" s="524">
        <v>570000</v>
      </c>
      <c r="C102" s="524">
        <v>0</v>
      </c>
      <c r="D102" s="524">
        <v>0</v>
      </c>
      <c r="E102" s="524">
        <v>0</v>
      </c>
      <c r="F102" s="541">
        <v>0</v>
      </c>
      <c r="G102" s="524">
        <v>0</v>
      </c>
      <c r="H102" s="524">
        <v>0</v>
      </c>
      <c r="I102" s="524">
        <v>0</v>
      </c>
      <c r="J102" s="541">
        <v>0</v>
      </c>
      <c r="K102" s="668">
        <v>0</v>
      </c>
      <c r="L102" s="464">
        <v>0</v>
      </c>
    </row>
    <row r="103" spans="1:12" ht="10.5" x14ac:dyDescent="0.2">
      <c r="A103" s="187" t="s">
        <v>693</v>
      </c>
      <c r="B103" s="524">
        <v>54317700</v>
      </c>
      <c r="C103" s="524">
        <v>55197820</v>
      </c>
      <c r="D103" s="524">
        <v>7044109.7499999991</v>
      </c>
      <c r="E103" s="524">
        <v>7044109.7499999991</v>
      </c>
      <c r="F103" s="541">
        <v>0.24070646777507204</v>
      </c>
      <c r="G103" s="524">
        <v>48153710.25</v>
      </c>
      <c r="H103" s="524">
        <v>615433.2300000001</v>
      </c>
      <c r="I103" s="524">
        <v>615433.2300000001</v>
      </c>
      <c r="J103" s="541">
        <v>3.3906311506212407E-2</v>
      </c>
      <c r="K103" s="668">
        <v>54582386.770000003</v>
      </c>
      <c r="L103" s="464">
        <v>0</v>
      </c>
    </row>
    <row r="104" spans="1:12" ht="10.5" x14ac:dyDescent="0.2">
      <c r="A104" s="187"/>
      <c r="B104" s="524"/>
      <c r="C104" s="524"/>
      <c r="D104" s="524"/>
      <c r="E104" s="524"/>
      <c r="F104" s="225"/>
      <c r="G104" s="524"/>
      <c r="H104" s="524"/>
      <c r="I104" s="524"/>
      <c r="J104" s="225"/>
      <c r="K104" s="668"/>
      <c r="L104" s="464"/>
    </row>
    <row r="105" spans="1:12" s="65" customFormat="1" ht="10.5" x14ac:dyDescent="0.2">
      <c r="A105" s="142" t="s">
        <v>694</v>
      </c>
      <c r="B105" s="527">
        <v>26500000</v>
      </c>
      <c r="C105" s="527">
        <v>76500000</v>
      </c>
      <c r="D105" s="527">
        <v>18858873.460000001</v>
      </c>
      <c r="E105" s="527">
        <v>18858873.460000001</v>
      </c>
      <c r="F105" s="539">
        <v>0.64443243758001534</v>
      </c>
      <c r="G105" s="527">
        <v>57641126.539999999</v>
      </c>
      <c r="H105" s="527">
        <v>4054079.53</v>
      </c>
      <c r="I105" s="527">
        <v>4054079.53</v>
      </c>
      <c r="J105" s="539">
        <v>0.22335304093855829</v>
      </c>
      <c r="K105" s="340">
        <v>72445920.469999999</v>
      </c>
      <c r="L105" s="464">
        <v>0</v>
      </c>
    </row>
    <row r="106" spans="1:12" ht="10.5" x14ac:dyDescent="0.2">
      <c r="A106" s="187" t="s">
        <v>695</v>
      </c>
      <c r="B106" s="524">
        <v>26500000</v>
      </c>
      <c r="C106" s="524">
        <v>76500000</v>
      </c>
      <c r="D106" s="524">
        <v>18858873.460000001</v>
      </c>
      <c r="E106" s="524">
        <v>18858873.460000001</v>
      </c>
      <c r="F106" s="541">
        <v>0.64443243758001534</v>
      </c>
      <c r="G106" s="524">
        <v>57641126.539999999</v>
      </c>
      <c r="H106" s="524">
        <v>4054079.53</v>
      </c>
      <c r="I106" s="524">
        <v>4054079.53</v>
      </c>
      <c r="J106" s="541">
        <v>0.22335304093855829</v>
      </c>
      <c r="K106" s="668">
        <v>72445920.469999999</v>
      </c>
      <c r="L106" s="464">
        <v>0</v>
      </c>
    </row>
    <row r="107" spans="1:12" ht="10.5" x14ac:dyDescent="0.2">
      <c r="A107" s="187"/>
      <c r="B107" s="524"/>
      <c r="C107" s="524"/>
      <c r="D107" s="524"/>
      <c r="E107" s="524"/>
      <c r="F107" s="225"/>
      <c r="G107" s="524"/>
      <c r="H107" s="524"/>
      <c r="I107" s="524"/>
      <c r="J107" s="225"/>
      <c r="K107" s="668"/>
      <c r="L107" s="464"/>
    </row>
    <row r="108" spans="1:12" s="65" customFormat="1" ht="10.5" x14ac:dyDescent="0.2">
      <c r="A108" s="142" t="s">
        <v>696</v>
      </c>
      <c r="B108" s="527">
        <v>117143000</v>
      </c>
      <c r="C108" s="527">
        <v>124142999.99999999</v>
      </c>
      <c r="D108" s="527">
        <v>5779176.379999999</v>
      </c>
      <c r="E108" s="527">
        <v>5779176.379999999</v>
      </c>
      <c r="F108" s="539">
        <v>0.19748203569357045</v>
      </c>
      <c r="G108" s="527">
        <v>118363823.61999999</v>
      </c>
      <c r="H108" s="527">
        <v>4297120.17</v>
      </c>
      <c r="I108" s="527">
        <v>4297120.17</v>
      </c>
      <c r="J108" s="539">
        <v>0.23674297707916814</v>
      </c>
      <c r="K108" s="340">
        <v>119845879.82999997</v>
      </c>
      <c r="L108" s="464">
        <v>0</v>
      </c>
    </row>
    <row r="109" spans="1:12" ht="10.5" x14ac:dyDescent="0.2">
      <c r="A109" s="187" t="s">
        <v>768</v>
      </c>
      <c r="B109" s="524">
        <v>35065000</v>
      </c>
      <c r="C109" s="524">
        <v>42064999.999999993</v>
      </c>
      <c r="D109" s="524">
        <v>4608805.4299999988</v>
      </c>
      <c r="E109" s="524">
        <v>4608805.4299999988</v>
      </c>
      <c r="F109" s="541">
        <v>0.15748892551225116</v>
      </c>
      <c r="G109" s="524">
        <v>37456194.569999993</v>
      </c>
      <c r="H109" s="524">
        <v>3920811.4199999995</v>
      </c>
      <c r="I109" s="524">
        <v>3920811.4199999995</v>
      </c>
      <c r="J109" s="541">
        <v>0.21601084712899718</v>
      </c>
      <c r="K109" s="668">
        <v>38144188.579999991</v>
      </c>
      <c r="L109" s="464">
        <v>0</v>
      </c>
    </row>
    <row r="110" spans="1:12" ht="10.5" x14ac:dyDescent="0.2">
      <c r="A110" s="187" t="s">
        <v>697</v>
      </c>
      <c r="B110" s="524">
        <v>65739300</v>
      </c>
      <c r="C110" s="524">
        <v>65739299.999999993</v>
      </c>
      <c r="D110" s="524">
        <v>819589</v>
      </c>
      <c r="E110" s="524">
        <v>819589</v>
      </c>
      <c r="F110" s="541">
        <v>2.8006430935762119E-2</v>
      </c>
      <c r="G110" s="524">
        <v>64919710.999999993</v>
      </c>
      <c r="H110" s="524">
        <v>296054.02</v>
      </c>
      <c r="I110" s="524">
        <v>296054.02</v>
      </c>
      <c r="J110" s="541">
        <v>1.6310623696394223E-2</v>
      </c>
      <c r="K110" s="668">
        <v>65443245.979999989</v>
      </c>
      <c r="L110" s="464">
        <v>0</v>
      </c>
    </row>
    <row r="111" spans="1:12" ht="10.5" x14ac:dyDescent="0.2">
      <c r="A111" s="187" t="s">
        <v>698</v>
      </c>
      <c r="B111" s="524">
        <v>13213000</v>
      </c>
      <c r="C111" s="524">
        <v>13213000</v>
      </c>
      <c r="D111" s="524">
        <v>190224.25999999995</v>
      </c>
      <c r="E111" s="524">
        <v>190224.25999999995</v>
      </c>
      <c r="F111" s="541">
        <v>6.5002124235396712E-3</v>
      </c>
      <c r="G111" s="524">
        <v>13022775.74</v>
      </c>
      <c r="H111" s="524">
        <v>37412.950000000004</v>
      </c>
      <c r="I111" s="524">
        <v>37412.950000000004</v>
      </c>
      <c r="J111" s="541">
        <v>2.0612067649748932E-3</v>
      </c>
      <c r="K111" s="668">
        <v>13175587.050000001</v>
      </c>
      <c r="L111" s="464">
        <v>0</v>
      </c>
    </row>
    <row r="112" spans="1:12" ht="10.5" x14ac:dyDescent="0.2">
      <c r="A112" s="187" t="s">
        <v>700</v>
      </c>
      <c r="B112" s="524">
        <v>840000</v>
      </c>
      <c r="C112" s="524">
        <v>840000</v>
      </c>
      <c r="D112" s="524">
        <v>160557.69</v>
      </c>
      <c r="E112" s="524">
        <v>160557.69</v>
      </c>
      <c r="F112" s="541">
        <v>5.4864668220175042E-3</v>
      </c>
      <c r="G112" s="524">
        <v>679442.31</v>
      </c>
      <c r="H112" s="524">
        <v>42841.780000000006</v>
      </c>
      <c r="I112" s="524">
        <v>42841.780000000006</v>
      </c>
      <c r="J112" s="541">
        <v>2.3602994888017675E-3</v>
      </c>
      <c r="K112" s="668">
        <v>797158.22</v>
      </c>
      <c r="L112" s="464">
        <v>0</v>
      </c>
    </row>
    <row r="113" spans="1:12" ht="10.5" x14ac:dyDescent="0.2">
      <c r="A113" s="187" t="s">
        <v>701</v>
      </c>
      <c r="B113" s="524">
        <v>2285700</v>
      </c>
      <c r="C113" s="524">
        <v>2285700</v>
      </c>
      <c r="D113" s="524">
        <v>0</v>
      </c>
      <c r="E113" s="524">
        <v>0</v>
      </c>
      <c r="F113" s="541">
        <v>0</v>
      </c>
      <c r="G113" s="524">
        <v>2285700</v>
      </c>
      <c r="H113" s="524">
        <v>0</v>
      </c>
      <c r="I113" s="524">
        <v>0</v>
      </c>
      <c r="J113" s="541">
        <v>0</v>
      </c>
      <c r="K113" s="668">
        <v>2285700</v>
      </c>
      <c r="L113" s="464">
        <v>0</v>
      </c>
    </row>
    <row r="114" spans="1:12" ht="10.5" x14ac:dyDescent="0.2">
      <c r="A114" s="187"/>
      <c r="B114" s="524"/>
      <c r="C114" s="524"/>
      <c r="D114" s="524"/>
      <c r="E114" s="524"/>
      <c r="F114" s="225"/>
      <c r="G114" s="524"/>
      <c r="H114" s="524"/>
      <c r="I114" s="524"/>
      <c r="J114" s="225"/>
      <c r="K114" s="668"/>
      <c r="L114" s="464"/>
    </row>
    <row r="115" spans="1:12" s="65" customFormat="1" ht="10.5" x14ac:dyDescent="0.2">
      <c r="A115" s="142" t="s">
        <v>702</v>
      </c>
      <c r="B115" s="527">
        <v>67988300</v>
      </c>
      <c r="C115" s="527">
        <v>63461900</v>
      </c>
      <c r="D115" s="527">
        <v>701774.93</v>
      </c>
      <c r="E115" s="527">
        <v>701774.93</v>
      </c>
      <c r="F115" s="539">
        <v>2.3980569662958261E-2</v>
      </c>
      <c r="G115" s="527">
        <v>62760125.07</v>
      </c>
      <c r="H115" s="527">
        <v>519283.6</v>
      </c>
      <c r="I115" s="527">
        <v>519283.6</v>
      </c>
      <c r="J115" s="539">
        <v>2.8609101106983448E-2</v>
      </c>
      <c r="K115" s="340">
        <v>62942616.399999999</v>
      </c>
      <c r="L115" s="464">
        <v>0</v>
      </c>
    </row>
    <row r="116" spans="1:12" ht="10.5" x14ac:dyDescent="0.2">
      <c r="A116" s="187" t="s">
        <v>703</v>
      </c>
      <c r="B116" s="524">
        <v>67264300</v>
      </c>
      <c r="C116" s="524">
        <v>62737900</v>
      </c>
      <c r="D116" s="524">
        <v>701774.93</v>
      </c>
      <c r="E116" s="524">
        <v>701774.93</v>
      </c>
      <c r="F116" s="541">
        <v>2.3980569662958261E-2</v>
      </c>
      <c r="G116" s="524">
        <v>62036125.07</v>
      </c>
      <c r="H116" s="524">
        <v>519283.6</v>
      </c>
      <c r="I116" s="524">
        <v>519283.6</v>
      </c>
      <c r="J116" s="541">
        <v>2.8609101106983448E-2</v>
      </c>
      <c r="K116" s="668">
        <v>62218616.399999999</v>
      </c>
      <c r="L116" s="464">
        <v>0</v>
      </c>
    </row>
    <row r="117" spans="1:12" ht="10.5" x14ac:dyDescent="0.2">
      <c r="A117" s="187" t="s">
        <v>705</v>
      </c>
      <c r="B117" s="524">
        <v>724000</v>
      </c>
      <c r="C117" s="524">
        <v>724000</v>
      </c>
      <c r="D117" s="524">
        <v>0</v>
      </c>
      <c r="E117" s="524">
        <v>0</v>
      </c>
      <c r="F117" s="541">
        <v>0</v>
      </c>
      <c r="G117" s="524">
        <v>724000</v>
      </c>
      <c r="H117" s="524">
        <v>0</v>
      </c>
      <c r="I117" s="524">
        <v>0</v>
      </c>
      <c r="J117" s="541">
        <v>0</v>
      </c>
      <c r="K117" s="668">
        <v>724000</v>
      </c>
      <c r="L117" s="464">
        <v>0</v>
      </c>
    </row>
    <row r="118" spans="1:12" ht="10.5" x14ac:dyDescent="0.2">
      <c r="A118" s="187"/>
      <c r="B118" s="524"/>
      <c r="C118" s="524"/>
      <c r="D118" s="524"/>
      <c r="E118" s="524"/>
      <c r="F118" s="225"/>
      <c r="G118" s="524"/>
      <c r="H118" s="524"/>
      <c r="I118" s="524"/>
      <c r="J118" s="225"/>
      <c r="K118" s="668"/>
      <c r="L118" s="464"/>
    </row>
    <row r="119" spans="1:12" s="65" customFormat="1" ht="10.5" x14ac:dyDescent="0.2">
      <c r="A119" s="142" t="s">
        <v>706</v>
      </c>
      <c r="B119" s="527">
        <v>191777800</v>
      </c>
      <c r="C119" s="527">
        <v>186063100</v>
      </c>
      <c r="D119" s="527">
        <v>21855815.099999994</v>
      </c>
      <c r="E119" s="527">
        <v>21855815.099999994</v>
      </c>
      <c r="F119" s="539">
        <v>0.74684186359618876</v>
      </c>
      <c r="G119" s="527">
        <v>164207284.90000001</v>
      </c>
      <c r="H119" s="527">
        <v>19475148.799999997</v>
      </c>
      <c r="I119" s="527">
        <v>19475148.799999997</v>
      </c>
      <c r="J119" s="539">
        <v>1.0729522386086279</v>
      </c>
      <c r="K119" s="340">
        <v>166587951.20000002</v>
      </c>
      <c r="L119" s="464">
        <v>0</v>
      </c>
    </row>
    <row r="120" spans="1:12" ht="10.5" x14ac:dyDescent="0.2">
      <c r="A120" s="187" t="s">
        <v>651</v>
      </c>
      <c r="B120" s="524">
        <v>106216600</v>
      </c>
      <c r="C120" s="524">
        <v>95229100</v>
      </c>
      <c r="D120" s="524">
        <v>15993122.449999996</v>
      </c>
      <c r="E120" s="524">
        <v>15993122.449999996</v>
      </c>
      <c r="F120" s="541">
        <v>0.5465059674338133</v>
      </c>
      <c r="G120" s="524">
        <v>79235977.550000012</v>
      </c>
      <c r="H120" s="524">
        <v>15656464.979999995</v>
      </c>
      <c r="I120" s="524">
        <v>15656464.979999995</v>
      </c>
      <c r="J120" s="541">
        <v>0.86256794859449726</v>
      </c>
      <c r="K120" s="668">
        <v>79572635.020000011</v>
      </c>
      <c r="L120" s="464">
        <v>0</v>
      </c>
    </row>
    <row r="121" spans="1:12" ht="10.5" x14ac:dyDescent="0.2">
      <c r="A121" s="187" t="s">
        <v>654</v>
      </c>
      <c r="B121" s="524">
        <v>224000</v>
      </c>
      <c r="C121" s="524">
        <v>224000</v>
      </c>
      <c r="D121" s="524">
        <v>0</v>
      </c>
      <c r="E121" s="524">
        <v>0</v>
      </c>
      <c r="F121" s="541">
        <v>0</v>
      </c>
      <c r="G121" s="524">
        <v>224000</v>
      </c>
      <c r="H121" s="524">
        <v>0</v>
      </c>
      <c r="I121" s="524">
        <v>0</v>
      </c>
      <c r="J121" s="541">
        <v>0</v>
      </c>
      <c r="K121" s="668">
        <v>224000</v>
      </c>
      <c r="L121" s="464">
        <v>0</v>
      </c>
    </row>
    <row r="122" spans="1:12" ht="10.5" x14ac:dyDescent="0.2">
      <c r="A122" s="187" t="s">
        <v>698</v>
      </c>
      <c r="B122" s="524">
        <v>1962100</v>
      </c>
      <c r="C122" s="524">
        <v>1962100</v>
      </c>
      <c r="D122" s="524">
        <v>0</v>
      </c>
      <c r="E122" s="524">
        <v>0</v>
      </c>
      <c r="F122" s="541">
        <v>0</v>
      </c>
      <c r="G122" s="524">
        <v>1962100</v>
      </c>
      <c r="H122" s="524">
        <v>0</v>
      </c>
      <c r="I122" s="524">
        <v>0</v>
      </c>
      <c r="J122" s="541">
        <v>0</v>
      </c>
      <c r="K122" s="668">
        <v>1962100</v>
      </c>
      <c r="L122" s="464">
        <v>0</v>
      </c>
    </row>
    <row r="123" spans="1:12" ht="10.5" x14ac:dyDescent="0.2">
      <c r="A123" s="187" t="s">
        <v>699</v>
      </c>
      <c r="B123" s="524">
        <v>1816300</v>
      </c>
      <c r="C123" s="524">
        <v>1816300</v>
      </c>
      <c r="D123" s="524">
        <v>0</v>
      </c>
      <c r="E123" s="524">
        <v>0</v>
      </c>
      <c r="F123" s="541">
        <v>0</v>
      </c>
      <c r="G123" s="524">
        <v>1816300</v>
      </c>
      <c r="H123" s="524">
        <v>0</v>
      </c>
      <c r="I123" s="524">
        <v>0</v>
      </c>
      <c r="J123" s="541">
        <v>0</v>
      </c>
      <c r="K123" s="668">
        <v>1816300</v>
      </c>
      <c r="L123" s="464">
        <v>0</v>
      </c>
    </row>
    <row r="124" spans="1:12" ht="10.5" x14ac:dyDescent="0.2">
      <c r="A124" s="187" t="s">
        <v>704</v>
      </c>
      <c r="B124" s="524">
        <v>1018900</v>
      </c>
      <c r="C124" s="524">
        <v>1018900</v>
      </c>
      <c r="D124" s="524">
        <v>0</v>
      </c>
      <c r="E124" s="524">
        <v>0</v>
      </c>
      <c r="F124" s="541">
        <v>0</v>
      </c>
      <c r="G124" s="524">
        <v>1018900</v>
      </c>
      <c r="H124" s="524">
        <v>0</v>
      </c>
      <c r="I124" s="524">
        <v>0</v>
      </c>
      <c r="J124" s="541">
        <v>0</v>
      </c>
      <c r="K124" s="668">
        <v>1018900</v>
      </c>
      <c r="L124" s="464">
        <v>0</v>
      </c>
    </row>
    <row r="125" spans="1:12" ht="10.5" x14ac:dyDescent="0.2">
      <c r="A125" s="187" t="s">
        <v>705</v>
      </c>
      <c r="B125" s="524">
        <v>0</v>
      </c>
      <c r="C125" s="524">
        <v>1268800</v>
      </c>
      <c r="D125" s="524">
        <v>519659.23</v>
      </c>
      <c r="E125" s="524">
        <v>519659.23</v>
      </c>
      <c r="F125" s="541">
        <v>1.7757437368151992E-2</v>
      </c>
      <c r="G125" s="524">
        <v>749140.77</v>
      </c>
      <c r="H125" s="524">
        <v>421.46</v>
      </c>
      <c r="I125" s="524">
        <v>421.46</v>
      </c>
      <c r="J125" s="541">
        <v>2.3219666002448841E-5</v>
      </c>
      <c r="K125" s="668">
        <v>1268378.54</v>
      </c>
      <c r="L125" s="464">
        <v>0</v>
      </c>
    </row>
    <row r="126" spans="1:12" ht="10.5" x14ac:dyDescent="0.2">
      <c r="A126" s="187" t="s">
        <v>707</v>
      </c>
      <c r="B126" s="524">
        <v>33807500</v>
      </c>
      <c r="C126" s="524">
        <v>65823399.999999993</v>
      </c>
      <c r="D126" s="524">
        <v>5343033.419999999</v>
      </c>
      <c r="E126" s="524">
        <v>5343033.419999999</v>
      </c>
      <c r="F126" s="541">
        <v>0.18257845879422349</v>
      </c>
      <c r="G126" s="524">
        <v>60480366.579999991</v>
      </c>
      <c r="H126" s="524">
        <v>3818262.36</v>
      </c>
      <c r="I126" s="524">
        <v>3818262.36</v>
      </c>
      <c r="J126" s="541">
        <v>0.21036107034812812</v>
      </c>
      <c r="K126" s="668">
        <v>62005137.639999993</v>
      </c>
      <c r="L126" s="464">
        <v>0</v>
      </c>
    </row>
    <row r="127" spans="1:12" ht="10.5" x14ac:dyDescent="0.2">
      <c r="A127" s="187" t="s">
        <v>708</v>
      </c>
      <c r="B127" s="524">
        <v>1145400</v>
      </c>
      <c r="C127" s="524">
        <v>1145400</v>
      </c>
      <c r="D127" s="524">
        <v>0</v>
      </c>
      <c r="E127" s="524">
        <v>0</v>
      </c>
      <c r="F127" s="541">
        <v>0</v>
      </c>
      <c r="G127" s="524">
        <v>1145400</v>
      </c>
      <c r="H127" s="524">
        <v>0</v>
      </c>
      <c r="I127" s="524">
        <v>0</v>
      </c>
      <c r="J127" s="541">
        <v>0</v>
      </c>
      <c r="K127" s="668">
        <v>1145400</v>
      </c>
      <c r="L127" s="464">
        <v>0</v>
      </c>
    </row>
    <row r="128" spans="1:12" ht="10.5" x14ac:dyDescent="0.2">
      <c r="A128" s="187" t="s">
        <v>769</v>
      </c>
      <c r="B128" s="524">
        <v>15960100</v>
      </c>
      <c r="C128" s="524">
        <v>17575100</v>
      </c>
      <c r="D128" s="524">
        <v>0</v>
      </c>
      <c r="E128" s="524">
        <v>0</v>
      </c>
      <c r="F128" s="541">
        <v>0</v>
      </c>
      <c r="G128" s="524">
        <v>17575100</v>
      </c>
      <c r="H128" s="524">
        <v>0</v>
      </c>
      <c r="I128" s="524">
        <v>0</v>
      </c>
      <c r="J128" s="541">
        <v>0</v>
      </c>
      <c r="K128" s="668">
        <v>17575100</v>
      </c>
      <c r="L128" s="464">
        <v>0</v>
      </c>
    </row>
    <row r="129" spans="1:12" ht="10.5" x14ac:dyDescent="0.2">
      <c r="A129" s="21" t="s">
        <v>770</v>
      </c>
      <c r="B129" s="537">
        <v>29626900</v>
      </c>
      <c r="C129" s="524">
        <v>0</v>
      </c>
      <c r="D129" s="524">
        <v>0</v>
      </c>
      <c r="E129" s="524">
        <v>0</v>
      </c>
      <c r="F129" s="541">
        <v>0</v>
      </c>
      <c r="G129" s="524">
        <v>0</v>
      </c>
      <c r="H129" s="524">
        <v>0</v>
      </c>
      <c r="I129" s="524">
        <v>0</v>
      </c>
      <c r="J129" s="541">
        <v>0</v>
      </c>
      <c r="K129" s="668">
        <v>0</v>
      </c>
      <c r="L129" s="464">
        <v>0</v>
      </c>
    </row>
    <row r="130" spans="1:12" ht="10.5" x14ac:dyDescent="0.2">
      <c r="A130" s="187"/>
      <c r="B130" s="524"/>
      <c r="C130" s="524"/>
      <c r="D130" s="524"/>
      <c r="E130" s="524"/>
      <c r="F130" s="225"/>
      <c r="G130" s="524"/>
      <c r="H130" s="524"/>
      <c r="I130" s="524"/>
      <c r="J130" s="225"/>
      <c r="K130" s="668"/>
      <c r="L130" s="464"/>
    </row>
    <row r="131" spans="1:12" s="65" customFormat="1" ht="10.5" x14ac:dyDescent="0.2">
      <c r="A131" s="142" t="s">
        <v>709</v>
      </c>
      <c r="B131" s="527">
        <v>4674800</v>
      </c>
      <c r="C131" s="527">
        <v>4785800</v>
      </c>
      <c r="D131" s="527">
        <v>1748315.2600000002</v>
      </c>
      <c r="E131" s="527">
        <v>1748315.2600000002</v>
      </c>
      <c r="F131" s="539">
        <v>5.974222516789391E-2</v>
      </c>
      <c r="G131" s="527">
        <v>3037484.7399999998</v>
      </c>
      <c r="H131" s="527">
        <v>184952.13</v>
      </c>
      <c r="I131" s="527">
        <v>184952.13</v>
      </c>
      <c r="J131" s="539">
        <v>1.018964239795354E-2</v>
      </c>
      <c r="K131" s="340">
        <v>4600847.87</v>
      </c>
      <c r="L131" s="464">
        <v>0</v>
      </c>
    </row>
    <row r="132" spans="1:12" ht="10.5" x14ac:dyDescent="0.2">
      <c r="A132" s="187" t="s">
        <v>710</v>
      </c>
      <c r="B132" s="524">
        <v>4674800</v>
      </c>
      <c r="C132" s="524">
        <v>4785800</v>
      </c>
      <c r="D132" s="524">
        <v>1748315.2600000002</v>
      </c>
      <c r="E132" s="524">
        <v>1748315.2600000002</v>
      </c>
      <c r="F132" s="541">
        <v>5.974222516789391E-2</v>
      </c>
      <c r="G132" s="524">
        <v>3037484.7399999998</v>
      </c>
      <c r="H132" s="524">
        <v>184952.13</v>
      </c>
      <c r="I132" s="524">
        <v>184952.13</v>
      </c>
      <c r="J132" s="541">
        <v>1.018964239795354E-2</v>
      </c>
      <c r="K132" s="668">
        <v>4600847.87</v>
      </c>
      <c r="L132" s="464">
        <v>0</v>
      </c>
    </row>
    <row r="133" spans="1:12" ht="10.5" x14ac:dyDescent="0.2">
      <c r="A133" s="187"/>
      <c r="B133" s="524"/>
      <c r="C133" s="524"/>
      <c r="D133" s="524"/>
      <c r="E133" s="524"/>
      <c r="F133" s="225"/>
      <c r="G133" s="524"/>
      <c r="H133" s="524"/>
      <c r="I133" s="524"/>
      <c r="J133" s="225"/>
      <c r="K133" s="668"/>
      <c r="L133" s="464"/>
    </row>
    <row r="134" spans="1:12" s="65" customFormat="1" ht="10.5" x14ac:dyDescent="0.2">
      <c r="A134" s="142" t="s">
        <v>711</v>
      </c>
      <c r="B134" s="527">
        <v>21507400</v>
      </c>
      <c r="C134" s="527">
        <v>21507400</v>
      </c>
      <c r="D134" s="527">
        <v>0</v>
      </c>
      <c r="E134" s="527">
        <v>0</v>
      </c>
      <c r="F134" s="539">
        <v>0</v>
      </c>
      <c r="G134" s="527">
        <v>21507400</v>
      </c>
      <c r="H134" s="527">
        <v>0</v>
      </c>
      <c r="I134" s="527">
        <v>0</v>
      </c>
      <c r="J134" s="539">
        <v>0</v>
      </c>
      <c r="K134" s="340">
        <v>21507400</v>
      </c>
      <c r="L134" s="464">
        <v>0</v>
      </c>
    </row>
    <row r="135" spans="1:12" ht="10.5" x14ac:dyDescent="0.2">
      <c r="A135" s="187" t="s">
        <v>712</v>
      </c>
      <c r="B135" s="524">
        <v>21507400</v>
      </c>
      <c r="C135" s="524">
        <v>21507400</v>
      </c>
      <c r="D135" s="524">
        <v>0</v>
      </c>
      <c r="E135" s="524">
        <v>0</v>
      </c>
      <c r="F135" s="541">
        <v>0</v>
      </c>
      <c r="G135" s="524">
        <v>21507400</v>
      </c>
      <c r="H135" s="524">
        <v>0</v>
      </c>
      <c r="I135" s="524">
        <v>0</v>
      </c>
      <c r="J135" s="541">
        <v>0</v>
      </c>
      <c r="K135" s="668">
        <v>21507400</v>
      </c>
      <c r="L135" s="464">
        <v>0</v>
      </c>
    </row>
    <row r="136" spans="1:12" ht="10.5" x14ac:dyDescent="0.2">
      <c r="A136" s="187"/>
      <c r="B136" s="524"/>
      <c r="C136" s="524"/>
      <c r="D136" s="524"/>
      <c r="E136" s="524"/>
      <c r="F136" s="225"/>
      <c r="G136" s="524"/>
      <c r="H136" s="524"/>
      <c r="I136" s="524"/>
      <c r="J136" s="225"/>
      <c r="K136" s="668"/>
      <c r="L136" s="464"/>
    </row>
    <row r="137" spans="1:12" s="65" customFormat="1" ht="10.5" x14ac:dyDescent="0.2">
      <c r="A137" s="142" t="s">
        <v>714</v>
      </c>
      <c r="B137" s="527">
        <v>38954900</v>
      </c>
      <c r="C137" s="527">
        <v>36346900</v>
      </c>
      <c r="D137" s="527">
        <v>4082587.8000000007</v>
      </c>
      <c r="E137" s="527">
        <v>4082587.8000000007</v>
      </c>
      <c r="F137" s="539">
        <v>0.1395073790154395</v>
      </c>
      <c r="G137" s="527">
        <v>32264312.200000003</v>
      </c>
      <c r="H137" s="527">
        <v>3005083.3099999996</v>
      </c>
      <c r="I137" s="527">
        <v>3005083.3099999996</v>
      </c>
      <c r="J137" s="539">
        <v>0.16556026851357999</v>
      </c>
      <c r="K137" s="340">
        <v>33341816.689999998</v>
      </c>
      <c r="L137" s="464">
        <v>0</v>
      </c>
    </row>
    <row r="138" spans="1:12" ht="10.5" x14ac:dyDescent="0.2">
      <c r="A138" s="415" t="s">
        <v>870</v>
      </c>
      <c r="B138" s="524">
        <v>151600</v>
      </c>
      <c r="C138" s="524">
        <v>151600</v>
      </c>
      <c r="D138" s="524">
        <v>0</v>
      </c>
      <c r="E138" s="524">
        <v>0</v>
      </c>
      <c r="F138" s="541">
        <v>0</v>
      </c>
      <c r="G138" s="524">
        <v>151600</v>
      </c>
      <c r="H138" s="524">
        <v>0</v>
      </c>
      <c r="I138" s="524">
        <v>0</v>
      </c>
      <c r="J138" s="541">
        <v>0</v>
      </c>
      <c r="K138" s="668">
        <v>151600</v>
      </c>
      <c r="L138" s="464">
        <v>0</v>
      </c>
    </row>
    <row r="139" spans="1:12" ht="10.5" x14ac:dyDescent="0.2">
      <c r="A139" s="186" t="s">
        <v>771</v>
      </c>
      <c r="B139" s="524">
        <v>18149000</v>
      </c>
      <c r="C139" s="524">
        <v>18149000</v>
      </c>
      <c r="D139" s="524">
        <v>2330831.2600000002</v>
      </c>
      <c r="E139" s="524">
        <v>2330831.2600000002</v>
      </c>
      <c r="F139" s="541">
        <v>7.9647560797064629E-2</v>
      </c>
      <c r="G139" s="524">
        <v>15818168.74</v>
      </c>
      <c r="H139" s="524">
        <v>1885406.87</v>
      </c>
      <c r="I139" s="524">
        <v>1885406.87</v>
      </c>
      <c r="J139" s="541">
        <v>0.10387348218128052</v>
      </c>
      <c r="K139" s="668">
        <v>16263593.129999999</v>
      </c>
      <c r="L139" s="464">
        <v>0</v>
      </c>
    </row>
    <row r="140" spans="1:12" ht="10.5" x14ac:dyDescent="0.2">
      <c r="A140" s="187" t="s">
        <v>715</v>
      </c>
      <c r="B140" s="524">
        <v>8583400</v>
      </c>
      <c r="C140" s="524">
        <v>8583400</v>
      </c>
      <c r="D140" s="524">
        <v>1539195.8700000003</v>
      </c>
      <c r="E140" s="524">
        <v>1539195.8700000003</v>
      </c>
      <c r="F140" s="541">
        <v>5.2596341373255737E-2</v>
      </c>
      <c r="G140" s="524">
        <v>7044204.1299999999</v>
      </c>
      <c r="H140" s="524">
        <v>1020355.3899999997</v>
      </c>
      <c r="I140" s="524">
        <v>1020355.3899999997</v>
      </c>
      <c r="J140" s="541">
        <v>5.6214851610113463E-2</v>
      </c>
      <c r="K140" s="668">
        <v>7563044.6100000003</v>
      </c>
      <c r="L140" s="464">
        <v>0</v>
      </c>
    </row>
    <row r="141" spans="1:12" ht="10.5" x14ac:dyDescent="0.2">
      <c r="A141" s="187" t="s">
        <v>716</v>
      </c>
      <c r="B141" s="524">
        <v>12070900</v>
      </c>
      <c r="C141" s="524">
        <v>9462900</v>
      </c>
      <c r="D141" s="524">
        <v>212560.66999999995</v>
      </c>
      <c r="E141" s="524">
        <v>212560.66999999995</v>
      </c>
      <c r="F141" s="541">
        <v>7.2634768451191045E-3</v>
      </c>
      <c r="G141" s="524">
        <v>9250339.3300000001</v>
      </c>
      <c r="H141" s="524">
        <v>99321.049999999988</v>
      </c>
      <c r="I141" s="524">
        <v>99321.049999999988</v>
      </c>
      <c r="J141" s="541">
        <v>5.4719347221860231E-3</v>
      </c>
      <c r="K141" s="668">
        <v>9363578.9499999993</v>
      </c>
      <c r="L141" s="464">
        <v>0</v>
      </c>
    </row>
    <row r="142" spans="1:12" ht="10.5" x14ac:dyDescent="0.2">
      <c r="A142" s="187"/>
      <c r="B142" s="524"/>
      <c r="C142" s="524"/>
      <c r="D142" s="524"/>
      <c r="E142" s="524"/>
      <c r="F142" s="225"/>
      <c r="G142" s="524"/>
      <c r="H142" s="524"/>
      <c r="I142" s="524"/>
      <c r="J142" s="225"/>
      <c r="K142" s="668"/>
      <c r="L142" s="464"/>
    </row>
    <row r="143" spans="1:12" s="65" customFormat="1" ht="10.5" x14ac:dyDescent="0.2">
      <c r="A143" s="142" t="s">
        <v>717</v>
      </c>
      <c r="B143" s="527">
        <v>42633100</v>
      </c>
      <c r="C143" s="527">
        <v>42633100</v>
      </c>
      <c r="D143" s="527">
        <v>3259688.79</v>
      </c>
      <c r="E143" s="527">
        <v>3259688.79</v>
      </c>
      <c r="F143" s="539">
        <v>0.11138784069724336</v>
      </c>
      <c r="G143" s="527">
        <v>39373411.210000001</v>
      </c>
      <c r="H143" s="527">
        <v>1355176.02</v>
      </c>
      <c r="I143" s="527">
        <v>1355176.02</v>
      </c>
      <c r="J143" s="539">
        <v>7.4661259808589023E-2</v>
      </c>
      <c r="K143" s="340">
        <v>41277923.979999997</v>
      </c>
      <c r="L143" s="464">
        <v>0</v>
      </c>
    </row>
    <row r="144" spans="1:12" ht="10.5" x14ac:dyDescent="0.2">
      <c r="A144" s="187" t="s">
        <v>657</v>
      </c>
      <c r="B144" s="524">
        <v>39113000</v>
      </c>
      <c r="C144" s="524">
        <v>39113000</v>
      </c>
      <c r="D144" s="524">
        <v>2986262.39</v>
      </c>
      <c r="E144" s="524">
        <v>2986262.39</v>
      </c>
      <c r="F144" s="541">
        <v>0.10204450203894749</v>
      </c>
      <c r="G144" s="524">
        <v>36126737.609999999</v>
      </c>
      <c r="H144" s="524">
        <v>1088549.6100000001</v>
      </c>
      <c r="I144" s="524">
        <v>1088549.6100000001</v>
      </c>
      <c r="J144" s="541">
        <v>5.9971903315370265E-2</v>
      </c>
      <c r="K144" s="668">
        <v>38024450.390000001</v>
      </c>
      <c r="L144" s="464">
        <v>0</v>
      </c>
    </row>
    <row r="145" spans="1:12" ht="10.5" x14ac:dyDescent="0.2">
      <c r="A145" s="187" t="s">
        <v>771</v>
      </c>
      <c r="B145" s="524">
        <v>3520100</v>
      </c>
      <c r="C145" s="524">
        <v>3520099.9999999995</v>
      </c>
      <c r="D145" s="524">
        <v>273426.39999999997</v>
      </c>
      <c r="E145" s="524">
        <v>273426.39999999997</v>
      </c>
      <c r="F145" s="541">
        <v>9.3433386582958845E-3</v>
      </c>
      <c r="G145" s="524">
        <v>3246673.5999999996</v>
      </c>
      <c r="H145" s="524">
        <v>266626.41000000003</v>
      </c>
      <c r="I145" s="524">
        <v>266626.41000000003</v>
      </c>
      <c r="J145" s="541">
        <v>1.4689356493218781E-2</v>
      </c>
      <c r="K145" s="668">
        <v>3253473.5899999994</v>
      </c>
      <c r="L145" s="464">
        <v>0</v>
      </c>
    </row>
    <row r="146" spans="1:12" ht="10.5" x14ac:dyDescent="0.2">
      <c r="A146" s="187"/>
      <c r="B146" s="524"/>
      <c r="C146" s="524"/>
      <c r="D146" s="524"/>
      <c r="E146" s="524"/>
      <c r="F146" s="225"/>
      <c r="G146" s="524"/>
      <c r="H146" s="524"/>
      <c r="I146" s="524"/>
      <c r="J146" s="225"/>
      <c r="K146" s="668"/>
      <c r="L146" s="464">
        <v>0</v>
      </c>
    </row>
    <row r="147" spans="1:12" s="65" customFormat="1" ht="10.5" x14ac:dyDescent="0.2">
      <c r="A147" s="142" t="s">
        <v>718</v>
      </c>
      <c r="B147" s="527">
        <v>36724000</v>
      </c>
      <c r="C147" s="527">
        <v>36724000</v>
      </c>
      <c r="D147" s="527">
        <v>0</v>
      </c>
      <c r="E147" s="527">
        <v>0</v>
      </c>
      <c r="F147" s="539">
        <v>0</v>
      </c>
      <c r="G147" s="527">
        <v>36724000</v>
      </c>
      <c r="H147" s="524">
        <v>0</v>
      </c>
      <c r="I147" s="527">
        <v>0</v>
      </c>
      <c r="J147" s="539">
        <v>0</v>
      </c>
      <c r="K147" s="340">
        <v>36724000</v>
      </c>
      <c r="L147" s="464">
        <v>0</v>
      </c>
    </row>
    <row r="148" spans="1:12" ht="10.5" x14ac:dyDescent="0.2">
      <c r="A148" s="187" t="s">
        <v>704</v>
      </c>
      <c r="B148" s="524">
        <v>2624000</v>
      </c>
      <c r="C148" s="524">
        <v>2624000</v>
      </c>
      <c r="D148" s="524">
        <v>0</v>
      </c>
      <c r="E148" s="524">
        <v>0</v>
      </c>
      <c r="F148" s="541">
        <v>0</v>
      </c>
      <c r="G148" s="524">
        <v>2624000</v>
      </c>
      <c r="H148" s="524">
        <v>0</v>
      </c>
      <c r="I148" s="524">
        <v>0</v>
      </c>
      <c r="J148" s="541">
        <v>0</v>
      </c>
      <c r="K148" s="668">
        <v>2624000</v>
      </c>
      <c r="L148" s="464">
        <v>0</v>
      </c>
    </row>
    <row r="149" spans="1:12" ht="10.5" x14ac:dyDescent="0.2">
      <c r="A149" s="187" t="s">
        <v>719</v>
      </c>
      <c r="B149" s="524">
        <v>34100000</v>
      </c>
      <c r="C149" s="524">
        <v>34100000</v>
      </c>
      <c r="D149" s="524">
        <v>0</v>
      </c>
      <c r="E149" s="524">
        <v>0</v>
      </c>
      <c r="F149" s="541">
        <v>0</v>
      </c>
      <c r="G149" s="524">
        <v>34100000</v>
      </c>
      <c r="H149" s="524">
        <v>0</v>
      </c>
      <c r="I149" s="524">
        <v>0</v>
      </c>
      <c r="J149" s="541">
        <v>0</v>
      </c>
      <c r="K149" s="668">
        <v>34100000</v>
      </c>
      <c r="L149" s="464">
        <v>0</v>
      </c>
    </row>
    <row r="150" spans="1:12" ht="9.9499999999999993" customHeight="1" x14ac:dyDescent="0.2">
      <c r="A150" s="187"/>
      <c r="B150" s="524"/>
      <c r="C150" s="524"/>
      <c r="D150" s="524"/>
      <c r="E150" s="524"/>
      <c r="F150" s="225"/>
      <c r="G150" s="524"/>
      <c r="H150" s="524"/>
      <c r="I150" s="524"/>
      <c r="J150" s="225"/>
      <c r="K150" s="668"/>
      <c r="L150" s="464"/>
    </row>
    <row r="151" spans="1:12" s="65" customFormat="1" ht="10.5" x14ac:dyDescent="0.2">
      <c r="A151" s="142" t="s">
        <v>720</v>
      </c>
      <c r="B151" s="527">
        <v>624942200</v>
      </c>
      <c r="C151" s="527">
        <v>631061200</v>
      </c>
      <c r="D151" s="527">
        <v>82914487.460000008</v>
      </c>
      <c r="E151" s="527">
        <v>82914487.460000008</v>
      </c>
      <c r="F151" s="539">
        <v>2.833296770238015</v>
      </c>
      <c r="G151" s="527">
        <v>548146712.53999996</v>
      </c>
      <c r="H151" s="527">
        <v>32363858.479999997</v>
      </c>
      <c r="I151" s="527">
        <v>32363858.479999997</v>
      </c>
      <c r="J151" s="539">
        <v>1.7830351265983049</v>
      </c>
      <c r="K151" s="340">
        <v>598697341.51999998</v>
      </c>
      <c r="L151" s="464">
        <v>0</v>
      </c>
    </row>
    <row r="152" spans="1:12" ht="10.5" x14ac:dyDescent="0.2">
      <c r="A152" s="21" t="s">
        <v>651</v>
      </c>
      <c r="B152" s="524">
        <v>57620000</v>
      </c>
      <c r="C152" s="524">
        <v>63202000</v>
      </c>
      <c r="D152" s="524">
        <v>11079550.220000001</v>
      </c>
      <c r="E152" s="524">
        <v>11079550.220000001</v>
      </c>
      <c r="F152" s="541">
        <v>0.37860276069559012</v>
      </c>
      <c r="G152" s="524">
        <v>52122449.780000001</v>
      </c>
      <c r="H152" s="524">
        <v>8605077.629999999</v>
      </c>
      <c r="I152" s="524">
        <v>8605077.629999999</v>
      </c>
      <c r="J152" s="541">
        <v>0.47408301735335273</v>
      </c>
      <c r="K152" s="668">
        <v>54596922.370000005</v>
      </c>
      <c r="L152" s="464">
        <v>0</v>
      </c>
    </row>
    <row r="153" spans="1:12" ht="10.5" x14ac:dyDescent="0.2">
      <c r="A153" s="187" t="s">
        <v>721</v>
      </c>
      <c r="B153" s="524">
        <v>9000000</v>
      </c>
      <c r="C153" s="524">
        <v>9000000</v>
      </c>
      <c r="D153" s="524">
        <v>42056.26</v>
      </c>
      <c r="E153" s="524">
        <v>42056.26</v>
      </c>
      <c r="F153" s="541">
        <v>1.437117556612467E-3</v>
      </c>
      <c r="G153" s="524">
        <v>8957943.7400000002</v>
      </c>
      <c r="H153" s="524">
        <v>42056.26</v>
      </c>
      <c r="I153" s="524">
        <v>42056.26</v>
      </c>
      <c r="J153" s="541">
        <v>2.3170225181800151E-3</v>
      </c>
      <c r="K153" s="668">
        <v>8957943.7400000002</v>
      </c>
      <c r="L153" s="464">
        <v>0</v>
      </c>
    </row>
    <row r="154" spans="1:12" ht="10.5" x14ac:dyDescent="0.2">
      <c r="A154" s="187" t="s">
        <v>722</v>
      </c>
      <c r="B154" s="524">
        <v>540022200</v>
      </c>
      <c r="C154" s="524">
        <v>540559200</v>
      </c>
      <c r="D154" s="524">
        <v>71651588.980000004</v>
      </c>
      <c r="E154" s="524">
        <v>71651588.980000004</v>
      </c>
      <c r="F154" s="541">
        <v>2.4484287590560445</v>
      </c>
      <c r="G154" s="524">
        <v>468907611.01999998</v>
      </c>
      <c r="H154" s="524">
        <v>23716724.589999996</v>
      </c>
      <c r="I154" s="524">
        <v>23716724.589999996</v>
      </c>
      <c r="J154" s="541">
        <v>1.306635086726772</v>
      </c>
      <c r="K154" s="668">
        <v>516842475.41000003</v>
      </c>
      <c r="L154" s="464">
        <v>0</v>
      </c>
    </row>
    <row r="155" spans="1:12" ht="10.5" x14ac:dyDescent="0.2">
      <c r="A155" s="187" t="s">
        <v>723</v>
      </c>
      <c r="B155" s="524">
        <v>14300000</v>
      </c>
      <c r="C155" s="524">
        <v>14300000</v>
      </c>
      <c r="D155" s="524">
        <v>141292</v>
      </c>
      <c r="E155" s="524">
        <v>141292</v>
      </c>
      <c r="F155" s="541">
        <v>4.828132929768093E-3</v>
      </c>
      <c r="G155" s="524">
        <v>14158708</v>
      </c>
      <c r="H155" s="524">
        <v>0</v>
      </c>
      <c r="I155" s="524">
        <v>0</v>
      </c>
      <c r="J155" s="541">
        <v>0</v>
      </c>
      <c r="K155" s="668">
        <v>14300000</v>
      </c>
      <c r="L155" s="464">
        <v>0</v>
      </c>
    </row>
    <row r="156" spans="1:12" ht="10.5" x14ac:dyDescent="0.2">
      <c r="A156" s="187" t="s">
        <v>724</v>
      </c>
      <c r="B156" s="524">
        <v>4000000</v>
      </c>
      <c r="C156" s="524">
        <v>4000000</v>
      </c>
      <c r="D156" s="524">
        <v>0</v>
      </c>
      <c r="E156" s="524">
        <v>0</v>
      </c>
      <c r="F156" s="541">
        <v>0</v>
      </c>
      <c r="G156" s="524">
        <v>4000000</v>
      </c>
      <c r="H156" s="524">
        <v>0</v>
      </c>
      <c r="I156" s="524">
        <v>0</v>
      </c>
      <c r="J156" s="541">
        <v>0</v>
      </c>
      <c r="K156" s="668">
        <v>4000000</v>
      </c>
      <c r="L156" s="464">
        <v>0</v>
      </c>
    </row>
    <row r="157" spans="1:12" s="185" customFormat="1" ht="20.100000000000001" customHeight="1" x14ac:dyDescent="0.2">
      <c r="A157" s="187"/>
      <c r="B157" s="524"/>
      <c r="C157" s="524"/>
      <c r="D157" s="524"/>
      <c r="E157" s="524"/>
      <c r="F157" s="225"/>
      <c r="G157" s="524"/>
      <c r="H157" s="524"/>
      <c r="I157" s="524"/>
      <c r="J157" s="225"/>
      <c r="K157" s="668"/>
      <c r="L157" s="464"/>
    </row>
    <row r="158" spans="1:12" s="65" customFormat="1" ht="10.5" x14ac:dyDescent="0.2">
      <c r="A158" s="142" t="s">
        <v>725</v>
      </c>
      <c r="B158" s="527">
        <v>21680800</v>
      </c>
      <c r="C158" s="527">
        <v>21680800</v>
      </c>
      <c r="D158" s="527">
        <v>1365775.69</v>
      </c>
      <c r="E158" s="527">
        <v>1365775.69</v>
      </c>
      <c r="F158" s="539">
        <v>4.6670346400119883E-2</v>
      </c>
      <c r="G158" s="527">
        <v>20315024.309999999</v>
      </c>
      <c r="H158" s="527">
        <v>1014609.9500000001</v>
      </c>
      <c r="I158" s="527">
        <v>1014609.9500000001</v>
      </c>
      <c r="J158" s="539">
        <v>5.5898315763681775E-2</v>
      </c>
      <c r="K158" s="340">
        <v>20666190.049999997</v>
      </c>
      <c r="L158" s="464">
        <v>0</v>
      </c>
    </row>
    <row r="159" spans="1:12" ht="10.5" x14ac:dyDescent="0.2">
      <c r="A159" s="187" t="s">
        <v>726</v>
      </c>
      <c r="B159" s="524">
        <v>12685000</v>
      </c>
      <c r="C159" s="524">
        <v>12685000</v>
      </c>
      <c r="D159" s="524">
        <v>727904.8</v>
      </c>
      <c r="E159" s="524">
        <v>727904.8</v>
      </c>
      <c r="F159" s="541">
        <v>2.4873461587466086E-2</v>
      </c>
      <c r="G159" s="524">
        <v>11957095.199999999</v>
      </c>
      <c r="H159" s="524">
        <v>408501.4</v>
      </c>
      <c r="I159" s="524">
        <v>408501.4</v>
      </c>
      <c r="J159" s="541">
        <v>2.2505732618831577E-2</v>
      </c>
      <c r="K159" s="668">
        <v>12276498.6</v>
      </c>
      <c r="L159" s="464">
        <v>0</v>
      </c>
    </row>
    <row r="160" spans="1:12" ht="10.5" x14ac:dyDescent="0.2">
      <c r="A160" s="187" t="s">
        <v>727</v>
      </c>
      <c r="B160" s="524">
        <v>8995800</v>
      </c>
      <c r="C160" s="524">
        <v>8995800</v>
      </c>
      <c r="D160" s="524">
        <v>637870.89</v>
      </c>
      <c r="E160" s="524">
        <v>637870.89</v>
      </c>
      <c r="F160" s="541">
        <v>2.1796884812653801E-2</v>
      </c>
      <c r="G160" s="524">
        <v>8357929.1100000003</v>
      </c>
      <c r="H160" s="524">
        <v>606108.55000000005</v>
      </c>
      <c r="I160" s="524">
        <v>606108.55000000005</v>
      </c>
      <c r="J160" s="541">
        <v>3.3392583144850198E-2</v>
      </c>
      <c r="K160" s="668">
        <v>8389691.4499999993</v>
      </c>
      <c r="L160" s="464">
        <v>0</v>
      </c>
    </row>
    <row r="161" spans="1:12" ht="10.5" x14ac:dyDescent="0.2">
      <c r="A161" s="187"/>
      <c r="B161" s="524"/>
      <c r="C161" s="524"/>
      <c r="D161" s="524"/>
      <c r="E161" s="524"/>
      <c r="F161" s="225"/>
      <c r="G161" s="524"/>
      <c r="H161" s="524"/>
      <c r="I161" s="524"/>
      <c r="J161" s="225"/>
      <c r="K161" s="668"/>
      <c r="L161" s="464"/>
    </row>
    <row r="162" spans="1:12" s="65" customFormat="1" ht="10.5" x14ac:dyDescent="0.2">
      <c r="A162" s="142" t="s">
        <v>728</v>
      </c>
      <c r="B162" s="527">
        <v>3188200900</v>
      </c>
      <c r="C162" s="527">
        <v>3175432900</v>
      </c>
      <c r="D162" s="527">
        <v>672451472.84000003</v>
      </c>
      <c r="E162" s="527">
        <v>672451472.84000003</v>
      </c>
      <c r="F162" s="539">
        <v>22.978548677135706</v>
      </c>
      <c r="G162" s="527">
        <v>2502981427.1599998</v>
      </c>
      <c r="H162" s="527">
        <v>602314908.85000002</v>
      </c>
      <c r="I162" s="527">
        <v>602314908.85000002</v>
      </c>
      <c r="J162" s="539">
        <v>33.183578540768799</v>
      </c>
      <c r="K162" s="340">
        <v>2573117991.1499996</v>
      </c>
      <c r="L162" s="464">
        <v>0</v>
      </c>
    </row>
    <row r="163" spans="1:12" s="354" customFormat="1" ht="10.5" x14ac:dyDescent="0.2">
      <c r="A163" s="353" t="s">
        <v>819</v>
      </c>
      <c r="B163" s="542">
        <v>902294300</v>
      </c>
      <c r="C163" s="542">
        <v>889526300</v>
      </c>
      <c r="D163" s="542">
        <v>164445500</v>
      </c>
      <c r="E163" s="542">
        <v>164445500</v>
      </c>
      <c r="F163" s="543"/>
      <c r="G163" s="524">
        <v>725080800</v>
      </c>
      <c r="H163" s="542">
        <v>162518415.88</v>
      </c>
      <c r="I163" s="542">
        <v>162518415.88</v>
      </c>
      <c r="J163" s="541">
        <v>8.953692725242437</v>
      </c>
      <c r="K163" s="668">
        <v>727007884.12</v>
      </c>
      <c r="L163" s="464">
        <v>0</v>
      </c>
    </row>
    <row r="164" spans="1:12" ht="10.5" x14ac:dyDescent="0.2">
      <c r="A164" s="187" t="s">
        <v>729</v>
      </c>
      <c r="B164" s="524">
        <v>110205800</v>
      </c>
      <c r="C164" s="524">
        <v>110205800</v>
      </c>
      <c r="D164" s="524">
        <v>17226703</v>
      </c>
      <c r="E164" s="524">
        <v>17226703</v>
      </c>
      <c r="F164" s="541">
        <v>0.58865903253995122</v>
      </c>
      <c r="G164" s="524">
        <v>92979097</v>
      </c>
      <c r="H164" s="524">
        <v>13399748.650000002</v>
      </c>
      <c r="I164" s="524">
        <v>13399748.650000002</v>
      </c>
      <c r="J164" s="541">
        <v>0.73823776436616717</v>
      </c>
      <c r="K164" s="668">
        <v>96806051.349999994</v>
      </c>
      <c r="L164" s="464">
        <v>0</v>
      </c>
    </row>
    <row r="165" spans="1:12" ht="10.5" x14ac:dyDescent="0.2">
      <c r="A165" s="187" t="s">
        <v>730</v>
      </c>
      <c r="B165" s="524">
        <v>25403600</v>
      </c>
      <c r="C165" s="524">
        <v>25403600</v>
      </c>
      <c r="D165" s="524">
        <v>0</v>
      </c>
      <c r="E165" s="524">
        <v>0</v>
      </c>
      <c r="F165" s="541">
        <v>0</v>
      </c>
      <c r="G165" s="524">
        <v>25403600</v>
      </c>
      <c r="H165" s="524">
        <v>0</v>
      </c>
      <c r="I165" s="524">
        <v>0</v>
      </c>
      <c r="J165" s="541">
        <v>0</v>
      </c>
      <c r="K165" s="668">
        <v>25403600</v>
      </c>
      <c r="L165" s="464">
        <v>0</v>
      </c>
    </row>
    <row r="166" spans="1:12" ht="10.5" x14ac:dyDescent="0.2">
      <c r="A166" s="187" t="s">
        <v>772</v>
      </c>
      <c r="B166" s="524">
        <v>1939605500</v>
      </c>
      <c r="C166" s="524">
        <v>1939600500</v>
      </c>
      <c r="D166" s="524">
        <v>451620000</v>
      </c>
      <c r="E166" s="524">
        <v>451620000</v>
      </c>
      <c r="F166" s="541">
        <v>15.43244765267578</v>
      </c>
      <c r="G166" s="524">
        <v>1487980500</v>
      </c>
      <c r="H166" s="524">
        <v>390196812.86000001</v>
      </c>
      <c r="I166" s="524">
        <v>390196812.86000001</v>
      </c>
      <c r="J166" s="541">
        <v>21.497270606532616</v>
      </c>
      <c r="K166" s="668">
        <v>1549403687.1399999</v>
      </c>
      <c r="L166" s="464">
        <v>0</v>
      </c>
    </row>
    <row r="167" spans="1:12" ht="10.5" x14ac:dyDescent="0.2">
      <c r="A167" s="187" t="s">
        <v>731</v>
      </c>
      <c r="B167" s="524">
        <v>210691700</v>
      </c>
      <c r="C167" s="524">
        <v>210696700</v>
      </c>
      <c r="D167" s="524">
        <v>39159269.840000004</v>
      </c>
      <c r="E167" s="524">
        <v>39159269.840000004</v>
      </c>
      <c r="F167" s="541">
        <v>1.3381236037438675</v>
      </c>
      <c r="G167" s="524">
        <v>171537430.16</v>
      </c>
      <c r="H167" s="524">
        <v>36199931.459999993</v>
      </c>
      <c r="I167" s="524">
        <v>36199931.459999993</v>
      </c>
      <c r="J167" s="541">
        <v>1.9943774446275806</v>
      </c>
      <c r="K167" s="668">
        <v>174496768.54000002</v>
      </c>
      <c r="L167" s="464">
        <v>0</v>
      </c>
    </row>
    <row r="168" spans="1:12" ht="10.5" customHeight="1" x14ac:dyDescent="0.2">
      <c r="A168" s="187"/>
      <c r="B168" s="524"/>
      <c r="C168" s="524"/>
      <c r="D168" s="524"/>
      <c r="E168" s="524"/>
      <c r="F168" s="225"/>
      <c r="G168" s="524"/>
      <c r="H168" s="524"/>
      <c r="I168" s="524"/>
      <c r="J168" s="225"/>
      <c r="K168" s="668"/>
      <c r="L168" s="464"/>
    </row>
    <row r="169" spans="1:12" s="65" customFormat="1" ht="10.5" customHeight="1" x14ac:dyDescent="0.2">
      <c r="A169" s="143" t="s">
        <v>732</v>
      </c>
      <c r="B169" s="527">
        <v>116875200</v>
      </c>
      <c r="C169" s="527">
        <v>116875200</v>
      </c>
      <c r="D169" s="527">
        <v>0</v>
      </c>
      <c r="E169" s="527">
        <v>0</v>
      </c>
      <c r="F169" s="539">
        <v>0</v>
      </c>
      <c r="G169" s="527">
        <v>116875200</v>
      </c>
      <c r="H169" s="527">
        <v>0</v>
      </c>
      <c r="I169" s="527">
        <v>0</v>
      </c>
      <c r="J169" s="539">
        <v>0</v>
      </c>
      <c r="K169" s="340">
        <v>116875200</v>
      </c>
      <c r="L169" s="464">
        <v>0</v>
      </c>
    </row>
    <row r="170" spans="1:12" ht="10.5" x14ac:dyDescent="0.2">
      <c r="A170" s="21" t="s">
        <v>734</v>
      </c>
      <c r="B170" s="524">
        <v>28960200</v>
      </c>
      <c r="C170" s="524">
        <v>28960200</v>
      </c>
      <c r="D170" s="524">
        <v>0</v>
      </c>
      <c r="E170" s="524">
        <v>0</v>
      </c>
      <c r="F170" s="541">
        <v>0</v>
      </c>
      <c r="G170" s="524">
        <v>28960200</v>
      </c>
      <c r="H170" s="524">
        <v>0</v>
      </c>
      <c r="I170" s="524">
        <v>0</v>
      </c>
      <c r="J170" s="541">
        <v>0</v>
      </c>
      <c r="K170" s="668">
        <v>28960200</v>
      </c>
      <c r="L170" s="464">
        <v>0</v>
      </c>
    </row>
    <row r="171" spans="1:12" ht="11.25" customHeight="1" x14ac:dyDescent="0.2">
      <c r="A171" s="21" t="s">
        <v>733</v>
      </c>
      <c r="B171" s="524">
        <v>87915000</v>
      </c>
      <c r="C171" s="524">
        <v>87915000</v>
      </c>
      <c r="D171" s="524">
        <v>0</v>
      </c>
      <c r="E171" s="524">
        <v>0</v>
      </c>
      <c r="F171" s="541">
        <v>0</v>
      </c>
      <c r="G171" s="524">
        <v>87915000</v>
      </c>
      <c r="H171" s="524">
        <v>0</v>
      </c>
      <c r="I171" s="524">
        <v>0</v>
      </c>
      <c r="J171" s="541">
        <v>0</v>
      </c>
      <c r="K171" s="668">
        <v>87915000</v>
      </c>
      <c r="L171" s="464">
        <v>0</v>
      </c>
    </row>
    <row r="172" spans="1:12" ht="11.25" customHeight="1" x14ac:dyDescent="0.2">
      <c r="A172" s="21"/>
      <c r="B172" s="524"/>
      <c r="C172" s="524"/>
      <c r="D172" s="524"/>
      <c r="E172" s="524"/>
      <c r="F172" s="225"/>
      <c r="G172" s="524"/>
      <c r="H172" s="524"/>
      <c r="I172" s="524"/>
      <c r="J172" s="225"/>
      <c r="K172" s="668"/>
      <c r="L172" s="464">
        <v>0</v>
      </c>
    </row>
    <row r="173" spans="1:12" s="65" customFormat="1" ht="15" customHeight="1" x14ac:dyDescent="0.2">
      <c r="A173" s="142" t="s">
        <v>221</v>
      </c>
      <c r="B173" s="527">
        <v>931270300</v>
      </c>
      <c r="C173" s="527">
        <v>964627131.83000004</v>
      </c>
      <c r="D173" s="527">
        <v>302785530.88000005</v>
      </c>
      <c r="E173" s="527">
        <v>302785530.88000005</v>
      </c>
      <c r="F173" s="539">
        <v>10.346578661913215</v>
      </c>
      <c r="G173" s="527">
        <v>661841600.95000005</v>
      </c>
      <c r="H173" s="527">
        <v>223042222.78999999</v>
      </c>
      <c r="I173" s="527">
        <v>223042222.78999999</v>
      </c>
      <c r="J173" s="539">
        <v>12.288155264147447</v>
      </c>
      <c r="K173" s="340">
        <v>741584909.03999996</v>
      </c>
      <c r="L173" s="464">
        <v>0</v>
      </c>
    </row>
    <row r="174" spans="1:12" ht="15" customHeight="1" x14ac:dyDescent="0.2">
      <c r="A174" s="184" t="s">
        <v>222</v>
      </c>
      <c r="B174" s="364">
        <v>13057110000</v>
      </c>
      <c r="C174" s="364">
        <v>13204326760</v>
      </c>
      <c r="D174" s="364">
        <v>2926431439.5500002</v>
      </c>
      <c r="E174" s="364">
        <v>2926431439.5500002</v>
      </c>
      <c r="F174" s="544">
        <v>100</v>
      </c>
      <c r="G174" s="364">
        <v>10277895320.449999</v>
      </c>
      <c r="H174" s="364">
        <v>1815099321.2199998</v>
      </c>
      <c r="I174" s="364">
        <v>1815099321.2199998</v>
      </c>
      <c r="J174" s="544">
        <v>100</v>
      </c>
      <c r="K174" s="228">
        <v>11389227438.779999</v>
      </c>
      <c r="L174" s="451">
        <v>0</v>
      </c>
    </row>
    <row r="175" spans="1:12" ht="11.25" customHeight="1" x14ac:dyDescent="0.2">
      <c r="A175" s="64" t="s">
        <v>878</v>
      </c>
      <c r="B175" s="680"/>
      <c r="C175" s="680"/>
      <c r="D175" s="680"/>
      <c r="E175" s="680"/>
      <c r="F175" s="680"/>
      <c r="G175" s="680"/>
      <c r="H175" s="680"/>
      <c r="I175" s="680"/>
      <c r="J175" s="680"/>
      <c r="K175" s="680"/>
      <c r="L175" s="680"/>
    </row>
    <row r="176" spans="1:12" s="270" customFormat="1" ht="11.25" customHeight="1" x14ac:dyDescent="0.2">
      <c r="A176" s="402"/>
      <c r="B176" s="43"/>
      <c r="C176" s="43"/>
      <c r="D176" s="197"/>
      <c r="E176" s="43"/>
      <c r="F176" s="43"/>
      <c r="G176" s="43"/>
      <c r="H176" s="43"/>
      <c r="I176" s="197"/>
      <c r="J176" s="43"/>
      <c r="K176" s="55"/>
      <c r="L176" s="55"/>
    </row>
    <row r="177" spans="1:12" s="270" customFormat="1" ht="11.25" customHeight="1" x14ac:dyDescent="0.2">
      <c r="A177" s="367"/>
      <c r="B177" s="43"/>
      <c r="C177" s="43"/>
      <c r="D177" s="197"/>
      <c r="E177" s="43"/>
      <c r="F177" s="43"/>
      <c r="G177" s="43"/>
      <c r="H177" s="43"/>
      <c r="I177" s="197"/>
      <c r="J177" s="43"/>
      <c r="K177" s="55"/>
      <c r="L177" s="55"/>
    </row>
    <row r="178" spans="1:12" s="270" customFormat="1" ht="11.25" customHeight="1" x14ac:dyDescent="0.2">
      <c r="A178" s="367"/>
      <c r="B178" s="43"/>
      <c r="C178" s="43"/>
      <c r="D178" s="43"/>
      <c r="E178" s="43"/>
      <c r="F178" s="43"/>
      <c r="G178" s="43"/>
      <c r="H178" s="43"/>
      <c r="I178" s="197"/>
      <c r="J178" s="43"/>
      <c r="K178" s="55"/>
      <c r="L178" s="55"/>
    </row>
    <row r="179" spans="1:12" ht="11.25" customHeight="1" x14ac:dyDescent="0.2">
      <c r="C179" s="197"/>
    </row>
    <row r="197" spans="1:1" ht="11.25" customHeight="1" x14ac:dyDescent="0.2">
      <c r="A197" s="55"/>
    </row>
  </sheetData>
  <customSheetViews>
    <customSheetView guid="{8C4C4E05-26A9-48D7-9CF5-CBEE6AE5F4C6}" showPageBreaks="1" showGridLines="0" fitToPage="1" printArea="1">
      <selection activeCell="A7" sqref="A7:L7"/>
      <pageMargins left="0.19685039370078741" right="0.19685039370078741" top="0.19685039370078741" bottom="0.19685039370078741" header="0" footer="0"/>
      <printOptions horizontalCentered="1"/>
      <pageSetup paperSize="9" scale="42" fitToHeight="2" orientation="portrait" r:id="rId1"/>
      <headerFooter alignWithMargins="0"/>
    </customSheetView>
    <customSheetView guid="{6F6CE139-4C01-4DC6-BA1C-5DC7C1E4A87D}" showPageBreaks="1" showGridLines="0" fitToPage="1" printArea="1" hiddenColumns="1">
      <selection activeCell="F17" sqref="F17"/>
      <pageMargins left="0.19685039370078741" right="0.19685039370078741" top="0.39370078740157483" bottom="0.78740157480314965" header="0" footer="0"/>
      <printOptions horizontalCentered="1"/>
      <pageSetup paperSize="9" scale="45" fitToHeight="2" orientation="portrait" r:id="rId2"/>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3"/>
      <headerFooter alignWithMargins="0"/>
    </customSheetView>
    <customSheetView guid="{82EDB5A4-4824-4632-A540-7A52C92F04C7}" showPageBreaks="1" showGridLines="0" fitToPage="1" printArea="1" topLeftCell="A142">
      <selection activeCell="B176" sqref="B176"/>
      <pageMargins left="0.39370078740157483" right="0.39370078740157483" top="0.98425196850393704" bottom="0.98425196850393704" header="0" footer="0"/>
      <printOptions horizontalCentered="1"/>
      <pageSetup scale="37" orientation="portrait" r:id="rId4"/>
      <headerFooter alignWithMargins="0"/>
    </customSheetView>
    <customSheetView guid="{6DBFA32C-4AA4-4E1D-9A48-697377C64CC3}" showGridLines="0" fitToPage="1" topLeftCell="A154">
      <selection activeCell="F17" sqref="F17"/>
      <pageMargins left="0.19685039370078741" right="0.19685039370078741" top="0.78740157480314965" bottom="0.9055118110236221" header="0" footer="0"/>
      <printOptions horizontalCentered="1"/>
      <pageSetup paperSize="9" scale="42" fitToHeight="2" orientation="portrait" r:id="rId5"/>
      <headerFooter alignWithMargins="0"/>
    </customSheetView>
    <customSheetView guid="{3AAF6A5F-F9AA-430B-9AD9-1261ECDF41B5}" showPageBreaks="1" showGridLines="0" fitToPage="1" printArea="1" topLeftCell="A166">
      <selection activeCell="G189" sqref="G189"/>
      <pageMargins left="0.19685039370078741" right="0.19685039370078741" top="0.19685039370078741" bottom="0.19685039370078741" header="0" footer="0"/>
      <printOptions horizontalCentered="1"/>
      <pageSetup paperSize="9" scale="42" fitToHeight="2" orientation="portrait" r:id="rId6"/>
      <headerFooter alignWithMargins="0"/>
    </customSheetView>
    <customSheetView guid="{25EF1E0D-169B-4051-B414-7E1196FC05E4}" showPageBreaks="1" showGridLines="0" fitToPage="1" printArea="1" topLeftCell="A151">
      <selection activeCell="B171" sqref="B171"/>
      <pageMargins left="0.19685039370078741" right="0.19685039370078741" top="0.19685039370078741" bottom="0.19685039370078741" header="0" footer="0"/>
      <printOptions horizontalCentered="1"/>
      <pageSetup scale="44" fitToHeight="2" orientation="portrait" r:id="rId7"/>
      <headerFooter alignWithMargins="0"/>
    </customSheetView>
  </customSheetViews>
  <mergeCells count="15">
    <mergeCell ref="M19:M21"/>
    <mergeCell ref="A3:L3"/>
    <mergeCell ref="A4:L4"/>
    <mergeCell ref="A5:L5"/>
    <mergeCell ref="A6:L6"/>
    <mergeCell ref="A7:L7"/>
    <mergeCell ref="H10:J10"/>
    <mergeCell ref="L10:L12"/>
    <mergeCell ref="D10:F10"/>
    <mergeCell ref="G10:G11"/>
    <mergeCell ref="K10:K11"/>
    <mergeCell ref="D11:D12"/>
    <mergeCell ref="H11:H12"/>
    <mergeCell ref="B10:B11"/>
    <mergeCell ref="A10:A12"/>
  </mergeCells>
  <phoneticPr fontId="1" type="noConversion"/>
  <printOptions horizontalCentered="1"/>
  <pageMargins left="0.19685039370078741" right="0.19685039370078741" top="0.59055118110236227" bottom="1.1811023622047245" header="0" footer="0"/>
  <pageSetup paperSize="9" scale="43" fitToHeight="3"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92"/>
  <sheetViews>
    <sheetView showGridLines="0" zoomScaleNormal="100" workbookViewId="0"/>
  </sheetViews>
  <sheetFormatPr defaultColWidth="9.140625" defaultRowHeight="11.25" customHeight="1" x14ac:dyDescent="0.2"/>
  <cols>
    <col min="1" max="1" width="35.7109375" style="43" customWidth="1"/>
    <col min="2" max="3" width="17.28515625" style="43" bestFit="1" customWidth="1"/>
    <col min="4" max="5" width="17.7109375" style="43" customWidth="1"/>
    <col min="6" max="6" width="11" style="43" customWidth="1"/>
    <col min="7" max="7" width="17.28515625" style="43" customWidth="1"/>
    <col min="8" max="9" width="17.28515625" style="43" bestFit="1" customWidth="1"/>
    <col min="10" max="10" width="11" style="43" customWidth="1"/>
    <col min="11" max="11" width="17.28515625" style="43" customWidth="1"/>
    <col min="12" max="12" width="15.7109375" style="55" customWidth="1"/>
    <col min="13" max="16384" width="9.140625" style="186"/>
  </cols>
  <sheetData>
    <row r="1" spans="1:12" s="24" customFormat="1" ht="10.5" x14ac:dyDescent="0.2">
      <c r="A1" s="296"/>
      <c r="B1" s="296"/>
      <c r="C1" s="296"/>
      <c r="D1" s="296"/>
      <c r="E1" s="296"/>
      <c r="F1" s="296"/>
      <c r="G1" s="296"/>
      <c r="H1" s="296"/>
      <c r="I1" s="296"/>
      <c r="J1" s="296"/>
      <c r="L1" s="111"/>
    </row>
    <row r="2" spans="1:12" s="24" customFormat="1" ht="10.5" x14ac:dyDescent="0.2">
      <c r="A2" s="188"/>
      <c r="L2" s="111"/>
    </row>
    <row r="3" spans="1:12" s="43" customFormat="1" ht="10.5" x14ac:dyDescent="0.2">
      <c r="A3" s="731" t="s">
        <v>640</v>
      </c>
      <c r="B3" s="731"/>
      <c r="C3" s="731"/>
      <c r="D3" s="731"/>
      <c r="E3" s="731"/>
      <c r="F3" s="731"/>
      <c r="G3" s="731"/>
      <c r="H3" s="731"/>
      <c r="I3" s="731"/>
      <c r="J3" s="731"/>
      <c r="K3" s="731"/>
      <c r="L3" s="731"/>
    </row>
    <row r="4" spans="1:12" s="43" customFormat="1" ht="10.5" x14ac:dyDescent="0.2">
      <c r="A4" s="731" t="s">
        <v>105</v>
      </c>
      <c r="B4" s="731"/>
      <c r="C4" s="731"/>
      <c r="D4" s="731"/>
      <c r="E4" s="731"/>
      <c r="F4" s="731"/>
      <c r="G4" s="731"/>
      <c r="H4" s="731"/>
      <c r="I4" s="731"/>
      <c r="J4" s="731"/>
      <c r="K4" s="731"/>
      <c r="L4" s="731"/>
    </row>
    <row r="5" spans="1:12" s="43" customFormat="1" ht="10.5" x14ac:dyDescent="0.2">
      <c r="A5" s="731" t="s">
        <v>168</v>
      </c>
      <c r="B5" s="731"/>
      <c r="C5" s="731"/>
      <c r="D5" s="731"/>
      <c r="E5" s="731"/>
      <c r="F5" s="731"/>
      <c r="G5" s="731"/>
      <c r="H5" s="731"/>
      <c r="I5" s="731"/>
      <c r="J5" s="731"/>
      <c r="K5" s="731"/>
      <c r="L5" s="731"/>
    </row>
    <row r="6" spans="1:12" s="43" customFormat="1" ht="10.5" x14ac:dyDescent="0.2">
      <c r="A6" s="731" t="s">
        <v>107</v>
      </c>
      <c r="B6" s="731"/>
      <c r="C6" s="731"/>
      <c r="D6" s="731"/>
      <c r="E6" s="731"/>
      <c r="F6" s="731"/>
      <c r="G6" s="731"/>
      <c r="H6" s="731"/>
      <c r="I6" s="731"/>
      <c r="J6" s="731"/>
      <c r="K6" s="731"/>
      <c r="L6" s="731"/>
    </row>
    <row r="7" spans="1:12" s="43" customFormat="1" ht="10.5" x14ac:dyDescent="0.2">
      <c r="A7" s="731" t="s">
        <v>641</v>
      </c>
      <c r="B7" s="731"/>
      <c r="C7" s="731"/>
      <c r="D7" s="731"/>
      <c r="E7" s="731"/>
      <c r="F7" s="731"/>
      <c r="G7" s="731"/>
      <c r="H7" s="731"/>
      <c r="I7" s="731"/>
      <c r="J7" s="731"/>
      <c r="K7" s="731"/>
      <c r="L7" s="731"/>
    </row>
    <row r="8" spans="1:12" s="24" customFormat="1" ht="10.5" x14ac:dyDescent="0.2">
      <c r="A8" s="44"/>
      <c r="B8" s="44"/>
      <c r="C8" s="44"/>
      <c r="D8" s="44"/>
      <c r="E8" s="44"/>
      <c r="F8" s="44"/>
      <c r="G8" s="44"/>
      <c r="H8" s="44"/>
      <c r="I8" s="44"/>
      <c r="J8" s="44"/>
      <c r="K8" s="44"/>
      <c r="L8" s="29"/>
    </row>
    <row r="9" spans="1:12" s="24" customFormat="1" ht="10.5" x14ac:dyDescent="0.2">
      <c r="A9" s="24" t="s">
        <v>737</v>
      </c>
      <c r="B9" s="111"/>
      <c r="L9" s="421">
        <v>1</v>
      </c>
    </row>
    <row r="10" spans="1:12" ht="15" customHeight="1" x14ac:dyDescent="0.2">
      <c r="A10" s="786" t="s">
        <v>736</v>
      </c>
      <c r="B10" s="179" t="s">
        <v>157</v>
      </c>
      <c r="C10" s="179" t="s">
        <v>157</v>
      </c>
      <c r="D10" s="740" t="s">
        <v>158</v>
      </c>
      <c r="E10" s="741"/>
      <c r="F10" s="742"/>
      <c r="G10" s="727" t="s">
        <v>161</v>
      </c>
      <c r="H10" s="789" t="s">
        <v>159</v>
      </c>
      <c r="I10" s="790"/>
      <c r="J10" s="783"/>
      <c r="K10" s="727" t="s">
        <v>161</v>
      </c>
      <c r="L10" s="709" t="s">
        <v>735</v>
      </c>
    </row>
    <row r="11" spans="1:12" ht="25.5" customHeight="1" x14ac:dyDescent="0.2">
      <c r="A11" s="787"/>
      <c r="B11" s="183" t="s">
        <v>111</v>
      </c>
      <c r="C11" s="183" t="s">
        <v>112</v>
      </c>
      <c r="D11" s="779" t="s">
        <v>113</v>
      </c>
      <c r="E11" s="179" t="s">
        <v>115</v>
      </c>
      <c r="F11" s="179" t="s">
        <v>114</v>
      </c>
      <c r="G11" s="728"/>
      <c r="H11" s="779" t="s">
        <v>113</v>
      </c>
      <c r="I11" s="179" t="s">
        <v>115</v>
      </c>
      <c r="J11" s="179" t="s">
        <v>114</v>
      </c>
      <c r="K11" s="728"/>
      <c r="L11" s="711"/>
    </row>
    <row r="12" spans="1:12" s="412" customFormat="1" ht="15" customHeight="1" x14ac:dyDescent="0.2">
      <c r="A12" s="788"/>
      <c r="B12" s="409"/>
      <c r="C12" s="410" t="s">
        <v>116</v>
      </c>
      <c r="D12" s="780"/>
      <c r="E12" s="410" t="s">
        <v>117</v>
      </c>
      <c r="F12" s="410" t="s">
        <v>59</v>
      </c>
      <c r="G12" s="411" t="s">
        <v>279</v>
      </c>
      <c r="H12" s="780"/>
      <c r="I12" s="410" t="s">
        <v>162</v>
      </c>
      <c r="J12" s="410" t="s">
        <v>543</v>
      </c>
      <c r="K12" s="411" t="s">
        <v>542</v>
      </c>
      <c r="L12" s="713"/>
    </row>
    <row r="13" spans="1:12" s="18" customFormat="1" ht="10.5" x14ac:dyDescent="0.2">
      <c r="A13" s="142"/>
      <c r="B13" s="225"/>
      <c r="C13" s="541"/>
      <c r="D13" s="541"/>
      <c r="E13" s="541"/>
      <c r="F13" s="541"/>
      <c r="G13" s="540"/>
      <c r="H13" s="540"/>
      <c r="I13" s="540"/>
      <c r="J13" s="431"/>
      <c r="K13" s="431"/>
      <c r="L13" s="464"/>
    </row>
    <row r="14" spans="1:12" s="181" customFormat="1" ht="10.5" x14ac:dyDescent="0.2">
      <c r="A14" s="142" t="s">
        <v>642</v>
      </c>
      <c r="B14" s="527">
        <v>37550000</v>
      </c>
      <c r="C14" s="527">
        <v>37550000</v>
      </c>
      <c r="D14" s="527">
        <v>20496224.960000001</v>
      </c>
      <c r="E14" s="527">
        <v>20496224.960000001</v>
      </c>
      <c r="F14" s="545">
        <v>6.7692220630328146</v>
      </c>
      <c r="G14" s="527">
        <v>17053775.039999999</v>
      </c>
      <c r="H14" s="527">
        <v>5405205.25</v>
      </c>
      <c r="I14" s="527">
        <v>5405205.25</v>
      </c>
      <c r="J14" s="545">
        <v>2.4234000102703157</v>
      </c>
      <c r="K14" s="224">
        <v>32144794.75</v>
      </c>
      <c r="L14" s="464">
        <v>0</v>
      </c>
    </row>
    <row r="15" spans="1:12" ht="10.5" x14ac:dyDescent="0.2">
      <c r="A15" s="187" t="s">
        <v>643</v>
      </c>
      <c r="B15" s="472">
        <v>21000000</v>
      </c>
      <c r="C15" s="472">
        <v>21000000</v>
      </c>
      <c r="D15" s="472">
        <v>4056224.96</v>
      </c>
      <c r="E15" s="472">
        <v>4056224.96</v>
      </c>
      <c r="F15" s="546">
        <v>1.3396363254912478</v>
      </c>
      <c r="G15" s="524">
        <v>16943775.039999999</v>
      </c>
      <c r="H15" s="472">
        <v>2701844.2800000003</v>
      </c>
      <c r="I15" s="472">
        <v>2701844.2800000003</v>
      </c>
      <c r="J15" s="546">
        <v>1.2113600044884132</v>
      </c>
      <c r="K15" s="225">
        <v>18298155.719999999</v>
      </c>
      <c r="L15" s="464">
        <v>0</v>
      </c>
    </row>
    <row r="16" spans="1:12" ht="10.5" x14ac:dyDescent="0.2">
      <c r="A16" s="187" t="s">
        <v>644</v>
      </c>
      <c r="B16" s="472">
        <v>16550000</v>
      </c>
      <c r="C16" s="472">
        <v>16550000</v>
      </c>
      <c r="D16" s="472">
        <v>16440000</v>
      </c>
      <c r="E16" s="472">
        <v>16440000</v>
      </c>
      <c r="F16" s="546">
        <v>5.4295857375415668</v>
      </c>
      <c r="G16" s="524">
        <v>110000</v>
      </c>
      <c r="H16" s="472">
        <v>2703360.97</v>
      </c>
      <c r="I16" s="472">
        <v>2703360.97</v>
      </c>
      <c r="J16" s="546">
        <v>1.2120400057819027</v>
      </c>
      <c r="K16" s="225">
        <v>13846639.029999999</v>
      </c>
      <c r="L16" s="464">
        <v>0</v>
      </c>
    </row>
    <row r="17" spans="1:12" ht="10.5" x14ac:dyDescent="0.2">
      <c r="A17" s="187"/>
      <c r="B17" s="472"/>
      <c r="C17" s="472"/>
      <c r="D17" s="472"/>
      <c r="E17" s="472"/>
      <c r="F17" s="225"/>
      <c r="G17" s="524"/>
      <c r="H17" s="472"/>
      <c r="I17" s="472"/>
      <c r="J17" s="545"/>
      <c r="K17" s="547"/>
      <c r="L17" s="464"/>
    </row>
    <row r="18" spans="1:12" s="65" customFormat="1" ht="10.5" x14ac:dyDescent="0.2">
      <c r="A18" s="142" t="s">
        <v>645</v>
      </c>
      <c r="B18" s="527">
        <v>85050000</v>
      </c>
      <c r="C18" s="527">
        <v>85050000</v>
      </c>
      <c r="D18" s="527">
        <v>62930000</v>
      </c>
      <c r="E18" s="527">
        <v>62930000</v>
      </c>
      <c r="F18" s="545">
        <v>20.78368798439725</v>
      </c>
      <c r="G18" s="527">
        <v>22120000</v>
      </c>
      <c r="H18" s="527">
        <v>14342949.490000002</v>
      </c>
      <c r="I18" s="527">
        <v>14342949.490000002</v>
      </c>
      <c r="J18" s="545">
        <v>6.4305983461724461</v>
      </c>
      <c r="K18" s="224">
        <v>70707050.50999999</v>
      </c>
      <c r="L18" s="464">
        <v>0</v>
      </c>
    </row>
    <row r="19" spans="1:12" ht="10.5" x14ac:dyDescent="0.2">
      <c r="A19" s="187" t="s">
        <v>646</v>
      </c>
      <c r="B19" s="524">
        <v>85050000</v>
      </c>
      <c r="C19" s="524">
        <v>85050000</v>
      </c>
      <c r="D19" s="524">
        <v>62930000</v>
      </c>
      <c r="E19" s="524">
        <v>62930000</v>
      </c>
      <c r="F19" s="546">
        <v>20.78368798439725</v>
      </c>
      <c r="G19" s="524">
        <v>22120000</v>
      </c>
      <c r="H19" s="524">
        <v>14342949.490000002</v>
      </c>
      <c r="I19" s="524">
        <v>14342949.490000002</v>
      </c>
      <c r="J19" s="546">
        <v>6.4305983461724461</v>
      </c>
      <c r="K19" s="225">
        <v>70707050.50999999</v>
      </c>
      <c r="L19" s="464">
        <v>0</v>
      </c>
    </row>
    <row r="20" spans="1:12" ht="10.5" x14ac:dyDescent="0.2">
      <c r="A20" s="187"/>
      <c r="B20" s="524"/>
      <c r="C20" s="524"/>
      <c r="D20" s="524"/>
      <c r="E20" s="524"/>
      <c r="F20" s="225"/>
      <c r="G20" s="524"/>
      <c r="H20" s="524"/>
      <c r="I20" s="524"/>
      <c r="J20" s="545"/>
      <c r="K20" s="547"/>
      <c r="L20" s="464"/>
    </row>
    <row r="21" spans="1:12" s="65" customFormat="1" ht="10.5" x14ac:dyDescent="0.2">
      <c r="A21" s="160" t="s">
        <v>773</v>
      </c>
      <c r="B21" s="527">
        <v>79105300</v>
      </c>
      <c r="C21" s="527">
        <v>78536800</v>
      </c>
      <c r="D21" s="527">
        <v>11040710.860000001</v>
      </c>
      <c r="E21" s="527">
        <v>11040710.860000001</v>
      </c>
      <c r="F21" s="545">
        <v>3.6463799402540324</v>
      </c>
      <c r="G21" s="527">
        <v>67496089.140000001</v>
      </c>
      <c r="H21" s="527">
        <v>11040654.370000001</v>
      </c>
      <c r="I21" s="527">
        <v>11040654.370000001</v>
      </c>
      <c r="J21" s="545">
        <v>4.9500288474057497</v>
      </c>
      <c r="K21" s="224">
        <v>67496145.629999995</v>
      </c>
      <c r="L21" s="464">
        <v>0</v>
      </c>
    </row>
    <row r="22" spans="1:12" ht="10.5" x14ac:dyDescent="0.2">
      <c r="A22" s="187" t="s">
        <v>647</v>
      </c>
      <c r="B22" s="524">
        <v>32882400</v>
      </c>
      <c r="C22" s="524">
        <v>32882400</v>
      </c>
      <c r="D22" s="524">
        <v>5135303.8600000003</v>
      </c>
      <c r="E22" s="524">
        <v>5135303.8600000003</v>
      </c>
      <c r="F22" s="546">
        <v>1.6960202309122967</v>
      </c>
      <c r="G22" s="524">
        <v>27747096.140000001</v>
      </c>
      <c r="H22" s="524">
        <v>5135253.8600000003</v>
      </c>
      <c r="I22" s="524">
        <v>5135253.8600000003</v>
      </c>
      <c r="J22" s="546">
        <v>2.3023684913842413</v>
      </c>
      <c r="K22" s="225">
        <v>27747146.140000001</v>
      </c>
      <c r="L22" s="464">
        <v>0</v>
      </c>
    </row>
    <row r="23" spans="1:12" ht="10.5" x14ac:dyDescent="0.2">
      <c r="A23" s="187" t="s">
        <v>648</v>
      </c>
      <c r="B23" s="524">
        <v>24242900</v>
      </c>
      <c r="C23" s="524">
        <v>23674400</v>
      </c>
      <c r="D23" s="524">
        <v>2699065.95</v>
      </c>
      <c r="E23" s="524">
        <v>2699065.95</v>
      </c>
      <c r="F23" s="546">
        <v>0.89141179968394657</v>
      </c>
      <c r="G23" s="524">
        <v>20975334.050000001</v>
      </c>
      <c r="H23" s="524">
        <v>2699062.95</v>
      </c>
      <c r="I23" s="524">
        <v>2699062.95</v>
      </c>
      <c r="J23" s="546">
        <v>1.2101130074108155</v>
      </c>
      <c r="K23" s="225">
        <v>20975337.050000001</v>
      </c>
      <c r="L23" s="464">
        <v>0</v>
      </c>
    </row>
    <row r="24" spans="1:12" ht="10.5" x14ac:dyDescent="0.2">
      <c r="A24" s="187" t="s">
        <v>655</v>
      </c>
      <c r="B24" s="524">
        <v>20000</v>
      </c>
      <c r="C24" s="524">
        <v>20000</v>
      </c>
      <c r="D24" s="524">
        <v>0</v>
      </c>
      <c r="E24" s="524">
        <v>0</v>
      </c>
      <c r="F24" s="546">
        <v>0</v>
      </c>
      <c r="G24" s="524">
        <v>20000</v>
      </c>
      <c r="H24" s="524">
        <v>0</v>
      </c>
      <c r="I24" s="524">
        <v>0</v>
      </c>
      <c r="J24" s="546">
        <v>0</v>
      </c>
      <c r="K24" s="225">
        <v>20000</v>
      </c>
      <c r="L24" s="464">
        <v>0</v>
      </c>
    </row>
    <row r="25" spans="1:12" ht="10.5" x14ac:dyDescent="0.2">
      <c r="A25" s="187" t="s">
        <v>687</v>
      </c>
      <c r="B25" s="524">
        <v>21960000</v>
      </c>
      <c r="C25" s="524">
        <v>21960000</v>
      </c>
      <c r="D25" s="524">
        <v>3206341.0500000003</v>
      </c>
      <c r="E25" s="524">
        <v>3206341.0500000003</v>
      </c>
      <c r="F25" s="546">
        <v>1.0589479096577892</v>
      </c>
      <c r="G25" s="524">
        <v>18753658.949999999</v>
      </c>
      <c r="H25" s="524">
        <v>3206337.56</v>
      </c>
      <c r="I25" s="524">
        <v>3206337.56</v>
      </c>
      <c r="J25" s="546">
        <v>1.4375473486106931</v>
      </c>
      <c r="K25" s="225">
        <v>18753662.440000001</v>
      </c>
      <c r="L25" s="464">
        <v>0</v>
      </c>
    </row>
    <row r="26" spans="1:12" ht="10.5" x14ac:dyDescent="0.2">
      <c r="A26" s="187"/>
      <c r="B26" s="524"/>
      <c r="C26" s="524"/>
      <c r="D26" s="524"/>
      <c r="E26" s="524"/>
      <c r="F26" s="225"/>
      <c r="G26" s="524"/>
      <c r="H26" s="524"/>
      <c r="I26" s="524"/>
      <c r="J26" s="545"/>
      <c r="K26" s="547"/>
      <c r="L26" s="464"/>
    </row>
    <row r="27" spans="1:12" s="65" customFormat="1" ht="10.5" x14ac:dyDescent="0.2">
      <c r="A27" s="142" t="s">
        <v>649</v>
      </c>
      <c r="B27" s="527">
        <v>100140000</v>
      </c>
      <c r="C27" s="527">
        <v>110717183</v>
      </c>
      <c r="D27" s="527">
        <v>44914068.939999998</v>
      </c>
      <c r="E27" s="527">
        <v>44914068.939999998</v>
      </c>
      <c r="F27" s="545">
        <v>14.833624582213059</v>
      </c>
      <c r="G27" s="527">
        <v>65803114.060000002</v>
      </c>
      <c r="H27" s="527">
        <v>44550038.769999996</v>
      </c>
      <c r="I27" s="527">
        <v>44550038.769999996</v>
      </c>
      <c r="J27" s="545">
        <v>19.973814021726731</v>
      </c>
      <c r="K27" s="224">
        <v>66167144.230000004</v>
      </c>
      <c r="L27" s="464">
        <v>0</v>
      </c>
    </row>
    <row r="28" spans="1:12" ht="10.5" x14ac:dyDescent="0.2">
      <c r="A28" s="187" t="s">
        <v>651</v>
      </c>
      <c r="B28" s="524">
        <v>8140000</v>
      </c>
      <c r="C28" s="524">
        <v>19417183</v>
      </c>
      <c r="D28" s="524">
        <v>3313410.93</v>
      </c>
      <c r="E28" s="524">
        <v>3313410.93</v>
      </c>
      <c r="F28" s="546">
        <v>1.0943095333419914</v>
      </c>
      <c r="G28" s="524">
        <v>16103772.07</v>
      </c>
      <c r="H28" s="524">
        <v>2950382.7600000002</v>
      </c>
      <c r="I28" s="524">
        <v>2950382.7600000002</v>
      </c>
      <c r="J28" s="546">
        <v>1.322791139316192</v>
      </c>
      <c r="K28" s="225">
        <v>16466800.24</v>
      </c>
      <c r="L28" s="464">
        <v>0</v>
      </c>
    </row>
    <row r="29" spans="1:12" ht="10.5" x14ac:dyDescent="0.2">
      <c r="A29" s="187" t="s">
        <v>652</v>
      </c>
      <c r="B29" s="524">
        <v>92000000</v>
      </c>
      <c r="C29" s="524">
        <v>91000000</v>
      </c>
      <c r="D29" s="524">
        <v>41600658.009999998</v>
      </c>
      <c r="E29" s="524">
        <v>41600658.009999998</v>
      </c>
      <c r="F29" s="546">
        <v>13.739315048871067</v>
      </c>
      <c r="G29" s="524">
        <v>49399341.990000002</v>
      </c>
      <c r="H29" s="524">
        <v>41599656.009999998</v>
      </c>
      <c r="I29" s="524">
        <v>41599656.009999998</v>
      </c>
      <c r="J29" s="546">
        <v>18.651022882410544</v>
      </c>
      <c r="K29" s="225">
        <v>49400343.990000002</v>
      </c>
      <c r="L29" s="464">
        <v>0</v>
      </c>
    </row>
    <row r="30" spans="1:12" ht="10.5" x14ac:dyDescent="0.2">
      <c r="A30" s="187" t="s">
        <v>653</v>
      </c>
      <c r="B30" s="524">
        <v>0</v>
      </c>
      <c r="C30" s="524">
        <v>300000</v>
      </c>
      <c r="D30" s="524">
        <v>0</v>
      </c>
      <c r="E30" s="524">
        <v>0</v>
      </c>
      <c r="F30" s="546">
        <v>0</v>
      </c>
      <c r="G30" s="524">
        <v>300000</v>
      </c>
      <c r="H30" s="524">
        <v>0</v>
      </c>
      <c r="I30" s="524">
        <v>0</v>
      </c>
      <c r="J30" s="546">
        <v>0</v>
      </c>
      <c r="K30" s="225">
        <v>300000</v>
      </c>
      <c r="L30" s="464">
        <v>0</v>
      </c>
    </row>
    <row r="31" spans="1:12" ht="10.5" x14ac:dyDescent="0.2">
      <c r="A31" s="187" t="s">
        <v>654</v>
      </c>
      <c r="B31" s="524">
        <v>0</v>
      </c>
      <c r="C31" s="524">
        <v>0</v>
      </c>
      <c r="D31" s="524">
        <v>0</v>
      </c>
      <c r="E31" s="524"/>
      <c r="F31" s="546">
        <v>0</v>
      </c>
      <c r="G31" s="524">
        <v>0</v>
      </c>
      <c r="H31" s="524">
        <v>0</v>
      </c>
      <c r="I31" s="524">
        <v>0</v>
      </c>
      <c r="J31" s="546">
        <v>0</v>
      </c>
      <c r="K31" s="225">
        <v>0</v>
      </c>
      <c r="L31" s="464">
        <v>0</v>
      </c>
    </row>
    <row r="32" spans="1:12" ht="10.5" x14ac:dyDescent="0.2">
      <c r="A32" s="187"/>
      <c r="B32" s="524"/>
      <c r="C32" s="524"/>
      <c r="D32" s="524"/>
      <c r="E32" s="524"/>
      <c r="F32" s="225"/>
      <c r="G32" s="524"/>
      <c r="H32" s="524"/>
      <c r="I32" s="524"/>
      <c r="J32" s="545"/>
      <c r="K32" s="547"/>
      <c r="L32" s="464"/>
    </row>
    <row r="33" spans="1:12" s="65" customFormat="1" ht="10.5" x14ac:dyDescent="0.2">
      <c r="A33" s="142" t="s">
        <v>658</v>
      </c>
      <c r="B33" s="527">
        <v>270960000</v>
      </c>
      <c r="C33" s="527">
        <v>269960000</v>
      </c>
      <c r="D33" s="527">
        <v>45923436.199999988</v>
      </c>
      <c r="E33" s="527">
        <v>45923436.199999988</v>
      </c>
      <c r="F33" s="545">
        <v>15.166985049295622</v>
      </c>
      <c r="G33" s="527">
        <v>224036563.80000001</v>
      </c>
      <c r="H33" s="527">
        <v>44755375.829999983</v>
      </c>
      <c r="I33" s="527">
        <v>44755375.829999983</v>
      </c>
      <c r="J33" s="545">
        <v>20.065875989829209</v>
      </c>
      <c r="K33" s="224">
        <v>225204624.17000002</v>
      </c>
      <c r="L33" s="464">
        <v>0</v>
      </c>
    </row>
    <row r="34" spans="1:12" ht="10.5" x14ac:dyDescent="0.2">
      <c r="A34" s="187" t="s">
        <v>659</v>
      </c>
      <c r="B34" s="524">
        <v>270960000</v>
      </c>
      <c r="C34" s="524">
        <v>269960000</v>
      </c>
      <c r="D34" s="524">
        <v>45923436.199999988</v>
      </c>
      <c r="E34" s="524">
        <v>45923436.199999988</v>
      </c>
      <c r="F34" s="546">
        <v>15.166985049295622</v>
      </c>
      <c r="G34" s="524">
        <v>224036563.80000001</v>
      </c>
      <c r="H34" s="524">
        <v>44755375.829999983</v>
      </c>
      <c r="I34" s="524">
        <v>44755375.829999983</v>
      </c>
      <c r="J34" s="546">
        <v>20.065875989829209</v>
      </c>
      <c r="K34" s="225">
        <v>225204624.17000002</v>
      </c>
      <c r="L34" s="464">
        <v>0</v>
      </c>
    </row>
    <row r="35" spans="1:12" ht="10.5" x14ac:dyDescent="0.2">
      <c r="A35" s="187"/>
      <c r="B35" s="524"/>
      <c r="C35" s="524"/>
      <c r="D35" s="524"/>
      <c r="E35" s="524"/>
      <c r="F35" s="225"/>
      <c r="G35" s="524"/>
      <c r="H35" s="524"/>
      <c r="I35" s="524"/>
      <c r="J35" s="545"/>
      <c r="K35" s="547"/>
      <c r="L35" s="464"/>
    </row>
    <row r="36" spans="1:12" s="65" customFormat="1" ht="10.5" x14ac:dyDescent="0.2">
      <c r="A36" s="142" t="s">
        <v>661</v>
      </c>
      <c r="B36" s="527">
        <v>620000</v>
      </c>
      <c r="C36" s="527">
        <v>6620000</v>
      </c>
      <c r="D36" s="527">
        <v>962033.02</v>
      </c>
      <c r="E36" s="527">
        <v>962033.02</v>
      </c>
      <c r="F36" s="545">
        <v>0.31772754041581758</v>
      </c>
      <c r="G36" s="527">
        <v>5657966.9800000004</v>
      </c>
      <c r="H36" s="527">
        <v>844455.81</v>
      </c>
      <c r="I36" s="527">
        <v>844455.81</v>
      </c>
      <c r="J36" s="545">
        <v>0.37860804982878826</v>
      </c>
      <c r="K36" s="224">
        <v>5775544.1899999995</v>
      </c>
      <c r="L36" s="464">
        <v>0</v>
      </c>
    </row>
    <row r="37" spans="1:12" ht="10.5" x14ac:dyDescent="0.2">
      <c r="A37" s="187" t="s">
        <v>662</v>
      </c>
      <c r="B37" s="524">
        <v>620000</v>
      </c>
      <c r="C37" s="524">
        <v>6620000</v>
      </c>
      <c r="D37" s="524">
        <v>962033.02</v>
      </c>
      <c r="E37" s="524">
        <v>962033.02</v>
      </c>
      <c r="F37" s="546">
        <v>0.31772754041581758</v>
      </c>
      <c r="G37" s="524">
        <v>5657966.9800000004</v>
      </c>
      <c r="H37" s="524">
        <v>844455.81</v>
      </c>
      <c r="I37" s="524">
        <v>844455.81</v>
      </c>
      <c r="J37" s="546">
        <v>0.37860804982878826</v>
      </c>
      <c r="K37" s="225">
        <v>5775544.1899999995</v>
      </c>
      <c r="L37" s="464">
        <v>0</v>
      </c>
    </row>
    <row r="38" spans="1:12" ht="10.5" x14ac:dyDescent="0.2">
      <c r="A38" s="187"/>
      <c r="B38" s="524"/>
      <c r="C38" s="524"/>
      <c r="D38" s="524"/>
      <c r="E38" s="524"/>
      <c r="F38" s="225"/>
      <c r="G38" s="524"/>
      <c r="H38" s="524"/>
      <c r="I38" s="524"/>
      <c r="J38" s="546"/>
      <c r="K38" s="547"/>
      <c r="L38" s="464"/>
    </row>
    <row r="39" spans="1:12" s="65" customFormat="1" ht="10.5" x14ac:dyDescent="0.2">
      <c r="A39" s="142" t="s">
        <v>663</v>
      </c>
      <c r="B39" s="527">
        <v>30000</v>
      </c>
      <c r="C39" s="527">
        <v>30000</v>
      </c>
      <c r="D39" s="527">
        <v>0</v>
      </c>
      <c r="E39" s="527">
        <v>0</v>
      </c>
      <c r="F39" s="545">
        <v>0</v>
      </c>
      <c r="G39" s="527">
        <v>30000</v>
      </c>
      <c r="H39" s="527">
        <v>0</v>
      </c>
      <c r="I39" s="527">
        <v>0</v>
      </c>
      <c r="J39" s="546">
        <v>0</v>
      </c>
      <c r="K39" s="224">
        <v>30000</v>
      </c>
      <c r="L39" s="464">
        <v>0</v>
      </c>
    </row>
    <row r="40" spans="1:12" ht="10.5" x14ac:dyDescent="0.2">
      <c r="A40" s="187" t="s">
        <v>664</v>
      </c>
      <c r="B40" s="524">
        <v>30000</v>
      </c>
      <c r="C40" s="524">
        <v>30000</v>
      </c>
      <c r="D40" s="524">
        <v>0</v>
      </c>
      <c r="E40" s="524">
        <v>0</v>
      </c>
      <c r="F40" s="546">
        <v>0</v>
      </c>
      <c r="G40" s="524">
        <v>30000</v>
      </c>
      <c r="H40" s="524">
        <v>0</v>
      </c>
      <c r="I40" s="524">
        <v>0</v>
      </c>
      <c r="J40" s="546">
        <v>0</v>
      </c>
      <c r="K40" s="225">
        <v>30000</v>
      </c>
      <c r="L40" s="464">
        <v>0</v>
      </c>
    </row>
    <row r="41" spans="1:12" ht="10.5" x14ac:dyDescent="0.2">
      <c r="A41" s="187"/>
      <c r="B41" s="524"/>
      <c r="C41" s="524"/>
      <c r="D41" s="524"/>
      <c r="E41" s="524"/>
      <c r="F41" s="225"/>
      <c r="G41" s="524"/>
      <c r="H41" s="524"/>
      <c r="I41" s="524"/>
      <c r="J41" s="545"/>
      <c r="K41" s="547"/>
      <c r="L41" s="464"/>
    </row>
    <row r="42" spans="1:12" s="65" customFormat="1" ht="10.5" x14ac:dyDescent="0.2">
      <c r="A42" s="142" t="s">
        <v>665</v>
      </c>
      <c r="B42" s="527">
        <v>16642800</v>
      </c>
      <c r="C42" s="527">
        <v>29662800</v>
      </c>
      <c r="D42" s="527">
        <v>6701082.8799999999</v>
      </c>
      <c r="E42" s="527">
        <v>6701082.8799999999</v>
      </c>
      <c r="F42" s="545">
        <v>2.2131450140712876</v>
      </c>
      <c r="G42" s="527">
        <v>22961717.120000001</v>
      </c>
      <c r="H42" s="527">
        <v>5013916.12</v>
      </c>
      <c r="I42" s="527">
        <v>5013916.12</v>
      </c>
      <c r="J42" s="545">
        <v>2.247967249107238</v>
      </c>
      <c r="K42" s="224">
        <v>24648883.879999999</v>
      </c>
      <c r="L42" s="464">
        <v>0</v>
      </c>
    </row>
    <row r="43" spans="1:12" ht="10.5" x14ac:dyDescent="0.2">
      <c r="A43" s="187" t="s">
        <v>651</v>
      </c>
      <c r="B43" s="524">
        <v>16512800</v>
      </c>
      <c r="C43" s="524">
        <v>16532800</v>
      </c>
      <c r="D43" s="524">
        <v>3123368.88</v>
      </c>
      <c r="E43" s="524">
        <v>3123368.88</v>
      </c>
      <c r="F43" s="546">
        <v>1.0315449588764707</v>
      </c>
      <c r="G43" s="524">
        <v>13409431.120000001</v>
      </c>
      <c r="H43" s="524">
        <v>3101573.5700000003</v>
      </c>
      <c r="I43" s="524">
        <v>3101573.5700000003</v>
      </c>
      <c r="J43" s="546">
        <v>1.3905768742809794</v>
      </c>
      <c r="K43" s="225">
        <v>13431226.43</v>
      </c>
      <c r="L43" s="464">
        <v>0</v>
      </c>
    </row>
    <row r="44" spans="1:12" ht="10.5" x14ac:dyDescent="0.2">
      <c r="A44" s="187" t="s">
        <v>655</v>
      </c>
      <c r="B44" s="524">
        <v>0</v>
      </c>
      <c r="C44" s="524">
        <v>0</v>
      </c>
      <c r="D44" s="524">
        <v>0</v>
      </c>
      <c r="E44" s="524">
        <v>0</v>
      </c>
      <c r="F44" s="546">
        <v>0</v>
      </c>
      <c r="G44" s="524">
        <v>0</v>
      </c>
      <c r="H44" s="524">
        <v>0</v>
      </c>
      <c r="I44" s="524">
        <v>0</v>
      </c>
      <c r="J44" s="546">
        <v>0</v>
      </c>
      <c r="K44" s="225">
        <v>0</v>
      </c>
      <c r="L44" s="464">
        <v>0</v>
      </c>
    </row>
    <row r="45" spans="1:12" ht="10.5" x14ac:dyDescent="0.2">
      <c r="A45" s="187" t="s">
        <v>668</v>
      </c>
      <c r="B45" s="524">
        <v>0</v>
      </c>
      <c r="C45" s="524">
        <v>13000000</v>
      </c>
      <c r="D45" s="524">
        <v>3577714</v>
      </c>
      <c r="E45" s="524">
        <v>3577714</v>
      </c>
      <c r="F45" s="546">
        <v>1.1816000551948169</v>
      </c>
      <c r="G45" s="524">
        <v>9422286</v>
      </c>
      <c r="H45" s="524">
        <v>1912342.55</v>
      </c>
      <c r="I45" s="524">
        <v>1912342.55</v>
      </c>
      <c r="J45" s="546">
        <v>0.85739037482625879</v>
      </c>
      <c r="K45" s="225">
        <v>11087657.449999999</v>
      </c>
      <c r="L45" s="464">
        <v>0</v>
      </c>
    </row>
    <row r="46" spans="1:12" ht="10.5" x14ac:dyDescent="0.2">
      <c r="A46" s="187" t="s">
        <v>774</v>
      </c>
      <c r="B46" s="524">
        <v>27000</v>
      </c>
      <c r="C46" s="524">
        <v>27000</v>
      </c>
      <c r="D46" s="524">
        <v>0</v>
      </c>
      <c r="E46" s="524">
        <v>0</v>
      </c>
      <c r="F46" s="546">
        <v>0</v>
      </c>
      <c r="G46" s="524">
        <v>27000</v>
      </c>
      <c r="H46" s="524">
        <v>0</v>
      </c>
      <c r="I46" s="524">
        <v>0</v>
      </c>
      <c r="J46" s="546">
        <v>0</v>
      </c>
      <c r="K46" s="225">
        <v>27000</v>
      </c>
      <c r="L46" s="464">
        <v>0</v>
      </c>
    </row>
    <row r="47" spans="1:12" ht="10.5" x14ac:dyDescent="0.2">
      <c r="A47" s="187" t="s">
        <v>670</v>
      </c>
      <c r="B47" s="524">
        <v>90000</v>
      </c>
      <c r="C47" s="524">
        <v>90000</v>
      </c>
      <c r="D47" s="524">
        <v>0</v>
      </c>
      <c r="E47" s="524">
        <v>0</v>
      </c>
      <c r="F47" s="546">
        <v>0</v>
      </c>
      <c r="G47" s="524">
        <v>90000</v>
      </c>
      <c r="H47" s="524">
        <v>0</v>
      </c>
      <c r="I47" s="524">
        <v>0</v>
      </c>
      <c r="J47" s="546">
        <v>0</v>
      </c>
      <c r="K47" s="225">
        <v>90000</v>
      </c>
      <c r="L47" s="464">
        <v>0</v>
      </c>
    </row>
    <row r="48" spans="1:12" s="270" customFormat="1" ht="10.5" x14ac:dyDescent="0.2">
      <c r="A48" s="187" t="s">
        <v>820</v>
      </c>
      <c r="B48" s="524">
        <v>13000</v>
      </c>
      <c r="C48" s="524">
        <v>13000</v>
      </c>
      <c r="D48" s="524">
        <v>0</v>
      </c>
      <c r="E48" s="524">
        <v>0</v>
      </c>
      <c r="F48" s="548">
        <v>0</v>
      </c>
      <c r="G48" s="524">
        <v>13000</v>
      </c>
      <c r="H48" s="524">
        <v>0</v>
      </c>
      <c r="I48" s="524">
        <v>0</v>
      </c>
      <c r="J48" s="546">
        <v>0</v>
      </c>
      <c r="K48" s="225">
        <v>13000</v>
      </c>
      <c r="L48" s="464">
        <v>0</v>
      </c>
    </row>
    <row r="49" spans="1:12" ht="12.75" x14ac:dyDescent="0.2">
      <c r="A49" s="187"/>
      <c r="B49" s="524"/>
      <c r="C49" s="524"/>
      <c r="D49" s="524"/>
      <c r="E49" s="524"/>
      <c r="F49" s="355"/>
      <c r="G49" s="524"/>
      <c r="H49" s="524"/>
      <c r="I49" s="524"/>
      <c r="J49" s="545"/>
      <c r="K49" s="225"/>
      <c r="L49" s="464"/>
    </row>
    <row r="50" spans="1:12" s="65" customFormat="1" ht="10.5" x14ac:dyDescent="0.2">
      <c r="A50" s="142" t="s">
        <v>666</v>
      </c>
      <c r="B50" s="527">
        <v>920000</v>
      </c>
      <c r="C50" s="527">
        <v>920000</v>
      </c>
      <c r="D50" s="527">
        <v>308710.57</v>
      </c>
      <c r="E50" s="527">
        <v>308710.57</v>
      </c>
      <c r="F50" s="545">
        <v>0.10195684354624863</v>
      </c>
      <c r="G50" s="527">
        <v>611289.42999999993</v>
      </c>
      <c r="H50" s="527">
        <v>249131.05000000005</v>
      </c>
      <c r="I50" s="527">
        <v>249131.05000000005</v>
      </c>
      <c r="J50" s="545">
        <v>0.11169681098209076</v>
      </c>
      <c r="K50" s="224">
        <v>670868.94999999995</v>
      </c>
      <c r="L50" s="464">
        <v>0</v>
      </c>
    </row>
    <row r="51" spans="1:12" ht="10.5" x14ac:dyDescent="0.2">
      <c r="A51" s="187" t="s">
        <v>768</v>
      </c>
      <c r="B51" s="524">
        <v>920000</v>
      </c>
      <c r="C51" s="524">
        <v>920000</v>
      </c>
      <c r="D51" s="524">
        <v>308710.57</v>
      </c>
      <c r="E51" s="524">
        <v>308710.57</v>
      </c>
      <c r="F51" s="546">
        <v>0.10195684354624863</v>
      </c>
      <c r="G51" s="524">
        <v>611289.42999999993</v>
      </c>
      <c r="H51" s="524">
        <v>249131.05000000005</v>
      </c>
      <c r="I51" s="524">
        <v>249131.05000000005</v>
      </c>
      <c r="J51" s="546">
        <v>0.11169681098209076</v>
      </c>
      <c r="K51" s="225">
        <v>670868.94999999995</v>
      </c>
      <c r="L51" s="464">
        <v>0</v>
      </c>
    </row>
    <row r="52" spans="1:12" ht="10.5" x14ac:dyDescent="0.2">
      <c r="A52" s="187"/>
      <c r="B52" s="524"/>
      <c r="C52" s="524"/>
      <c r="D52" s="524"/>
      <c r="E52" s="524"/>
      <c r="F52" s="225"/>
      <c r="G52" s="524"/>
      <c r="H52" s="524"/>
      <c r="I52" s="524"/>
      <c r="J52" s="545"/>
      <c r="K52" s="547"/>
      <c r="L52" s="464"/>
    </row>
    <row r="53" spans="1:12" s="65" customFormat="1" ht="10.5" x14ac:dyDescent="0.2">
      <c r="A53" s="142" t="s">
        <v>682</v>
      </c>
      <c r="B53" s="527">
        <v>201446800</v>
      </c>
      <c r="C53" s="527">
        <v>201986348.83000001</v>
      </c>
      <c r="D53" s="527">
        <v>94255619.069999993</v>
      </c>
      <c r="E53" s="527">
        <v>94255619.069999993</v>
      </c>
      <c r="F53" s="545">
        <v>31.129499086716724</v>
      </c>
      <c r="G53" s="527">
        <v>107730729.76000001</v>
      </c>
      <c r="H53" s="527">
        <v>83161607.290000021</v>
      </c>
      <c r="I53" s="527">
        <v>83161607.290000021</v>
      </c>
      <c r="J53" s="545">
        <v>37.285141014891529</v>
      </c>
      <c r="K53" s="224">
        <v>118824741.53999998</v>
      </c>
      <c r="L53" s="464">
        <v>0</v>
      </c>
    </row>
    <row r="54" spans="1:12" ht="10.5" x14ac:dyDescent="0.2">
      <c r="A54" s="186" t="s">
        <v>651</v>
      </c>
      <c r="B54" s="524">
        <v>201446800</v>
      </c>
      <c r="C54" s="524">
        <v>201446800</v>
      </c>
      <c r="D54" s="524">
        <v>94255619.069999993</v>
      </c>
      <c r="E54" s="524">
        <v>94255619.069999993</v>
      </c>
      <c r="F54" s="546">
        <v>31.129499086716724</v>
      </c>
      <c r="G54" s="524">
        <v>107191180.93000001</v>
      </c>
      <c r="H54" s="524">
        <v>83161607.290000021</v>
      </c>
      <c r="I54" s="524">
        <v>83161607.290000021</v>
      </c>
      <c r="J54" s="546">
        <v>37.285141014891529</v>
      </c>
      <c r="K54" s="225">
        <v>118285192.70999998</v>
      </c>
      <c r="L54" s="464">
        <v>0</v>
      </c>
    </row>
    <row r="55" spans="1:12" ht="10.5" x14ac:dyDescent="0.2">
      <c r="A55" s="187" t="s">
        <v>675</v>
      </c>
      <c r="B55" s="524">
        <v>0</v>
      </c>
      <c r="C55" s="524">
        <v>0</v>
      </c>
      <c r="D55" s="524">
        <v>0</v>
      </c>
      <c r="E55" s="524">
        <v>0</v>
      </c>
      <c r="F55" s="546">
        <v>0</v>
      </c>
      <c r="G55" s="524">
        <v>0</v>
      </c>
      <c r="H55" s="524">
        <v>0</v>
      </c>
      <c r="I55" s="524">
        <v>0</v>
      </c>
      <c r="J55" s="546">
        <v>0</v>
      </c>
      <c r="K55" s="225">
        <v>0</v>
      </c>
      <c r="L55" s="464">
        <v>0</v>
      </c>
    </row>
    <row r="56" spans="1:12" ht="10.5" x14ac:dyDescent="0.2">
      <c r="A56" s="187" t="s">
        <v>766</v>
      </c>
      <c r="B56" s="524">
        <v>0</v>
      </c>
      <c r="C56" s="524">
        <v>0</v>
      </c>
      <c r="D56" s="524">
        <v>0</v>
      </c>
      <c r="E56" s="524">
        <v>0</v>
      </c>
      <c r="F56" s="546">
        <v>0</v>
      </c>
      <c r="G56" s="524">
        <v>0</v>
      </c>
      <c r="H56" s="524">
        <v>0</v>
      </c>
      <c r="I56" s="524">
        <v>0</v>
      </c>
      <c r="J56" s="546">
        <v>0</v>
      </c>
      <c r="K56" s="225">
        <v>0</v>
      </c>
      <c r="L56" s="464">
        <v>0</v>
      </c>
    </row>
    <row r="57" spans="1:12" s="270" customFormat="1" ht="10.5" x14ac:dyDescent="0.2">
      <c r="A57" s="419" t="s">
        <v>680</v>
      </c>
      <c r="B57" s="524">
        <v>0</v>
      </c>
      <c r="C57" s="524">
        <v>539548.82999999996</v>
      </c>
      <c r="D57" s="524">
        <v>0</v>
      </c>
      <c r="E57" s="524">
        <v>0</v>
      </c>
      <c r="F57" s="546">
        <v>0</v>
      </c>
      <c r="G57" s="524">
        <v>539548.82999999996</v>
      </c>
      <c r="H57" s="524">
        <v>0</v>
      </c>
      <c r="I57" s="524">
        <v>0</v>
      </c>
      <c r="J57" s="546">
        <v>0</v>
      </c>
      <c r="K57" s="225">
        <v>539548.82999999996</v>
      </c>
      <c r="L57" s="464">
        <v>0</v>
      </c>
    </row>
    <row r="58" spans="1:12" ht="10.5" x14ac:dyDescent="0.2">
      <c r="A58" s="187"/>
      <c r="B58" s="524"/>
      <c r="C58" s="524"/>
      <c r="D58" s="524"/>
      <c r="E58" s="524"/>
      <c r="F58" s="225"/>
      <c r="G58" s="524"/>
      <c r="H58" s="524"/>
      <c r="I58" s="524"/>
      <c r="J58" s="545"/>
      <c r="K58" s="547"/>
      <c r="L58" s="464"/>
    </row>
    <row r="59" spans="1:12" s="65" customFormat="1" ht="10.5" x14ac:dyDescent="0.2">
      <c r="A59" s="142" t="s">
        <v>683</v>
      </c>
      <c r="B59" s="527">
        <v>1654500</v>
      </c>
      <c r="C59" s="527">
        <v>814500</v>
      </c>
      <c r="D59" s="527">
        <v>182713.47</v>
      </c>
      <c r="E59" s="527">
        <v>182713.47</v>
      </c>
      <c r="F59" s="545">
        <v>6.0344188002964053E-2</v>
      </c>
      <c r="G59" s="527">
        <v>631786.53</v>
      </c>
      <c r="H59" s="527">
        <v>182712.6</v>
      </c>
      <c r="I59" s="527">
        <v>182712.6</v>
      </c>
      <c r="J59" s="545">
        <v>8.1918390928173559E-2</v>
      </c>
      <c r="K59" s="224">
        <v>631787.4</v>
      </c>
      <c r="L59" s="464">
        <v>0</v>
      </c>
    </row>
    <row r="60" spans="1:12" ht="10.5" x14ac:dyDescent="0.2">
      <c r="A60" s="187" t="s">
        <v>684</v>
      </c>
      <c r="B60" s="524">
        <v>1654500</v>
      </c>
      <c r="C60" s="524">
        <v>814500</v>
      </c>
      <c r="D60" s="524">
        <v>182713.47</v>
      </c>
      <c r="E60" s="524">
        <v>182713.47</v>
      </c>
      <c r="F60" s="546">
        <v>6.0344188002964053E-2</v>
      </c>
      <c r="G60" s="524">
        <v>631786.53</v>
      </c>
      <c r="H60" s="524">
        <v>182712.6</v>
      </c>
      <c r="I60" s="524">
        <v>182712.6</v>
      </c>
      <c r="J60" s="546">
        <v>8.1918390928173559E-2</v>
      </c>
      <c r="K60" s="225">
        <v>631787.4</v>
      </c>
      <c r="L60" s="464">
        <v>0</v>
      </c>
    </row>
    <row r="61" spans="1:12" ht="10.5" x14ac:dyDescent="0.2">
      <c r="A61" s="187"/>
      <c r="B61" s="524"/>
      <c r="C61" s="524"/>
      <c r="D61" s="524"/>
      <c r="E61" s="524"/>
      <c r="F61" s="225"/>
      <c r="G61" s="524"/>
      <c r="H61" s="524"/>
      <c r="I61" s="524"/>
      <c r="J61" s="545"/>
      <c r="K61" s="547"/>
      <c r="L61" s="464"/>
    </row>
    <row r="62" spans="1:12" s="65" customFormat="1" ht="10.5" x14ac:dyDescent="0.2">
      <c r="A62" s="142" t="s">
        <v>685</v>
      </c>
      <c r="B62" s="527">
        <v>10977800</v>
      </c>
      <c r="C62" s="527">
        <v>11002400</v>
      </c>
      <c r="D62" s="527">
        <v>4360545.12</v>
      </c>
      <c r="E62" s="527">
        <v>4360545.12</v>
      </c>
      <c r="F62" s="545">
        <v>1.4401431624974745</v>
      </c>
      <c r="G62" s="527">
        <v>6641854.8799999999</v>
      </c>
      <c r="H62" s="527">
        <v>3608984.9699999997</v>
      </c>
      <c r="I62" s="527">
        <v>3608984.9699999997</v>
      </c>
      <c r="J62" s="545">
        <v>1.6180725446759703</v>
      </c>
      <c r="K62" s="224">
        <v>7393415.0300000003</v>
      </c>
      <c r="L62" s="464">
        <v>0</v>
      </c>
    </row>
    <row r="63" spans="1:12" ht="10.5" x14ac:dyDescent="0.2">
      <c r="A63" s="187" t="s">
        <v>656</v>
      </c>
      <c r="B63" s="524">
        <v>370800</v>
      </c>
      <c r="C63" s="524">
        <v>395400</v>
      </c>
      <c r="D63" s="524">
        <v>68238.87</v>
      </c>
      <c r="E63" s="524">
        <v>68238.87</v>
      </c>
      <c r="F63" s="546">
        <v>2.2537031344157729E-2</v>
      </c>
      <c r="G63" s="524">
        <v>327161.13</v>
      </c>
      <c r="H63" s="524">
        <v>67571.700000000012</v>
      </c>
      <c r="I63" s="524">
        <v>67571.700000000012</v>
      </c>
      <c r="J63" s="546">
        <v>3.0295474621242685E-2</v>
      </c>
      <c r="K63" s="225">
        <v>327828.3</v>
      </c>
      <c r="L63" s="464">
        <v>0</v>
      </c>
    </row>
    <row r="64" spans="1:12" ht="10.5" x14ac:dyDescent="0.2">
      <c r="A64" s="43" t="s">
        <v>686</v>
      </c>
      <c r="B64" s="524">
        <v>10607000</v>
      </c>
      <c r="C64" s="524">
        <v>10607000</v>
      </c>
      <c r="D64" s="524">
        <v>4292306.25</v>
      </c>
      <c r="E64" s="524">
        <v>4292306.25</v>
      </c>
      <c r="F64" s="546">
        <v>1.4176061311533168</v>
      </c>
      <c r="G64" s="524">
        <v>6314693.75</v>
      </c>
      <c r="H64" s="524">
        <v>3541413.2699999996</v>
      </c>
      <c r="I64" s="524">
        <v>3541413.2699999996</v>
      </c>
      <c r="J64" s="546">
        <v>1.5877770700547276</v>
      </c>
      <c r="K64" s="225">
        <v>7065586.7300000004</v>
      </c>
      <c r="L64" s="464">
        <v>0</v>
      </c>
    </row>
    <row r="65" spans="1:12" ht="10.5" x14ac:dyDescent="0.2">
      <c r="A65" s="187" t="s">
        <v>687</v>
      </c>
      <c r="B65" s="524">
        <v>0</v>
      </c>
      <c r="C65" s="524">
        <v>0</v>
      </c>
      <c r="D65" s="524">
        <v>0</v>
      </c>
      <c r="E65" s="524">
        <v>0</v>
      </c>
      <c r="F65" s="546">
        <v>0</v>
      </c>
      <c r="G65" s="524">
        <v>0</v>
      </c>
      <c r="H65" s="524">
        <v>0</v>
      </c>
      <c r="I65" s="524">
        <v>0</v>
      </c>
      <c r="J65" s="546">
        <v>0</v>
      </c>
      <c r="K65" s="225">
        <v>0</v>
      </c>
      <c r="L65" s="464">
        <v>0</v>
      </c>
    </row>
    <row r="66" spans="1:12" ht="10.5" x14ac:dyDescent="0.2">
      <c r="A66" s="187"/>
      <c r="B66" s="524"/>
      <c r="C66" s="524"/>
      <c r="D66" s="524"/>
      <c r="E66" s="524"/>
      <c r="F66" s="225"/>
      <c r="G66" s="524"/>
      <c r="H66" s="524"/>
      <c r="I66" s="524"/>
      <c r="J66" s="545"/>
      <c r="K66" s="547"/>
      <c r="L66" s="464"/>
    </row>
    <row r="67" spans="1:12" s="65" customFormat="1" ht="10.5" x14ac:dyDescent="0.2">
      <c r="A67" s="142" t="s">
        <v>692</v>
      </c>
      <c r="B67" s="527">
        <v>442400</v>
      </c>
      <c r="C67" s="527">
        <v>442400</v>
      </c>
      <c r="D67" s="527">
        <v>120361.42</v>
      </c>
      <c r="E67" s="527">
        <v>120361.42</v>
      </c>
      <c r="F67" s="545">
        <v>3.9751377699650259E-2</v>
      </c>
      <c r="G67" s="527">
        <v>322038.58</v>
      </c>
      <c r="H67" s="527">
        <v>129282.76000000001</v>
      </c>
      <c r="I67" s="527">
        <v>129282.76000000001</v>
      </c>
      <c r="J67" s="545">
        <v>5.7963357064336231E-2</v>
      </c>
      <c r="K67" s="224">
        <v>313117.24</v>
      </c>
      <c r="L67" s="464">
        <v>0</v>
      </c>
    </row>
    <row r="68" spans="1:12" ht="10.5" x14ac:dyDescent="0.2">
      <c r="A68" s="187" t="s">
        <v>651</v>
      </c>
      <c r="B68" s="524">
        <v>442400</v>
      </c>
      <c r="C68" s="524">
        <v>442400</v>
      </c>
      <c r="D68" s="524">
        <v>120361.42</v>
      </c>
      <c r="E68" s="524">
        <v>120361.42</v>
      </c>
      <c r="F68" s="546">
        <v>3.9751377699650259E-2</v>
      </c>
      <c r="G68" s="524">
        <v>322038.58</v>
      </c>
      <c r="H68" s="524">
        <v>129282.76000000001</v>
      </c>
      <c r="I68" s="524">
        <v>129282.76000000001</v>
      </c>
      <c r="J68" s="546">
        <v>5.7963357064336231E-2</v>
      </c>
      <c r="K68" s="225">
        <v>313117.24</v>
      </c>
      <c r="L68" s="464">
        <v>0</v>
      </c>
    </row>
    <row r="69" spans="1:12" ht="10.5" x14ac:dyDescent="0.2">
      <c r="A69" s="187" t="s">
        <v>693</v>
      </c>
      <c r="B69" s="524">
        <v>0</v>
      </c>
      <c r="C69" s="524">
        <v>0</v>
      </c>
      <c r="D69" s="524">
        <v>0</v>
      </c>
      <c r="E69" s="524">
        <v>0</v>
      </c>
      <c r="F69" s="546">
        <v>0</v>
      </c>
      <c r="G69" s="524">
        <v>0</v>
      </c>
      <c r="H69" s="524">
        <v>0</v>
      </c>
      <c r="I69" s="524">
        <v>0</v>
      </c>
      <c r="J69" s="546">
        <v>0</v>
      </c>
      <c r="K69" s="225">
        <v>0</v>
      </c>
      <c r="L69" s="464">
        <v>0</v>
      </c>
    </row>
    <row r="70" spans="1:12" ht="10.5" x14ac:dyDescent="0.2">
      <c r="A70" s="187"/>
      <c r="B70" s="524"/>
      <c r="C70" s="524"/>
      <c r="D70" s="524"/>
      <c r="E70" s="524"/>
      <c r="F70" s="225"/>
      <c r="G70" s="524"/>
      <c r="H70" s="524"/>
      <c r="I70" s="524"/>
      <c r="J70" s="545"/>
      <c r="K70" s="547"/>
      <c r="L70" s="464"/>
    </row>
    <row r="71" spans="1:12" s="65" customFormat="1" ht="10.5" x14ac:dyDescent="0.2">
      <c r="A71" s="142" t="s">
        <v>696</v>
      </c>
      <c r="B71" s="527">
        <v>1948200</v>
      </c>
      <c r="C71" s="527">
        <v>3948200</v>
      </c>
      <c r="D71" s="527">
        <v>617727.14999999991</v>
      </c>
      <c r="E71" s="527">
        <v>617727.14999999991</v>
      </c>
      <c r="F71" s="545">
        <v>0.20401475202750605</v>
      </c>
      <c r="G71" s="527">
        <v>3330472.85</v>
      </c>
      <c r="H71" s="527">
        <v>617723.14999999991</v>
      </c>
      <c r="I71" s="527">
        <v>617723.14999999991</v>
      </c>
      <c r="J71" s="545">
        <v>0.27695345853040665</v>
      </c>
      <c r="K71" s="224">
        <v>3330476.85</v>
      </c>
      <c r="L71" s="464">
        <v>0</v>
      </c>
    </row>
    <row r="72" spans="1:12" ht="10.5" x14ac:dyDescent="0.2">
      <c r="A72" s="418" t="s">
        <v>651</v>
      </c>
      <c r="B72" s="524">
        <v>1948200</v>
      </c>
      <c r="C72" s="524">
        <v>3948200</v>
      </c>
      <c r="D72" s="524">
        <v>617727.14999999991</v>
      </c>
      <c r="E72" s="524">
        <v>617727.14999999991</v>
      </c>
      <c r="F72" s="546">
        <v>0.20401475202750605</v>
      </c>
      <c r="G72" s="524">
        <v>3330472.85</v>
      </c>
      <c r="H72" s="524">
        <v>617723.14999999991</v>
      </c>
      <c r="I72" s="524">
        <v>617723.14999999991</v>
      </c>
      <c r="J72" s="546">
        <v>0.27695345853040665</v>
      </c>
      <c r="K72" s="225">
        <v>3330476.85</v>
      </c>
      <c r="L72" s="464">
        <v>0</v>
      </c>
    </row>
    <row r="73" spans="1:12" ht="10.5" x14ac:dyDescent="0.2">
      <c r="A73" s="187"/>
      <c r="B73" s="524"/>
      <c r="C73" s="524"/>
      <c r="D73" s="524"/>
      <c r="E73" s="524"/>
      <c r="F73" s="225"/>
      <c r="G73" s="524"/>
      <c r="H73" s="524"/>
      <c r="I73" s="524"/>
      <c r="J73" s="546">
        <v>0</v>
      </c>
      <c r="K73" s="547"/>
      <c r="L73" s="464"/>
    </row>
    <row r="74" spans="1:12" s="65" customFormat="1" ht="10.5" x14ac:dyDescent="0.2">
      <c r="A74" s="142" t="s">
        <v>702</v>
      </c>
      <c r="B74" s="527">
        <v>42000</v>
      </c>
      <c r="C74" s="527">
        <v>0</v>
      </c>
      <c r="D74" s="527">
        <v>0</v>
      </c>
      <c r="E74" s="527">
        <v>0</v>
      </c>
      <c r="F74" s="545">
        <v>0</v>
      </c>
      <c r="G74" s="527">
        <v>0</v>
      </c>
      <c r="H74" s="527">
        <v>0</v>
      </c>
      <c r="I74" s="527">
        <v>0</v>
      </c>
      <c r="J74" s="546">
        <v>0</v>
      </c>
      <c r="K74" s="224">
        <v>0</v>
      </c>
      <c r="L74" s="464">
        <v>0</v>
      </c>
    </row>
    <row r="75" spans="1:12" ht="10.5" x14ac:dyDescent="0.2">
      <c r="A75" s="187" t="s">
        <v>703</v>
      </c>
      <c r="B75" s="524">
        <v>42000</v>
      </c>
      <c r="C75" s="524">
        <v>0</v>
      </c>
      <c r="D75" s="524">
        <v>0</v>
      </c>
      <c r="E75" s="524">
        <v>0</v>
      </c>
      <c r="F75" s="546">
        <v>0</v>
      </c>
      <c r="G75" s="524">
        <v>0</v>
      </c>
      <c r="H75" s="524">
        <v>0</v>
      </c>
      <c r="I75" s="524">
        <v>0</v>
      </c>
      <c r="J75" s="546">
        <v>0</v>
      </c>
      <c r="K75" s="225">
        <v>0</v>
      </c>
      <c r="L75" s="464">
        <v>0</v>
      </c>
    </row>
    <row r="76" spans="1:12" ht="10.5" x14ac:dyDescent="0.2">
      <c r="A76" s="187"/>
      <c r="B76" s="524"/>
      <c r="C76" s="524"/>
      <c r="D76" s="524"/>
      <c r="E76" s="524"/>
      <c r="F76" s="225"/>
      <c r="G76" s="524"/>
      <c r="H76" s="524"/>
      <c r="I76" s="524"/>
      <c r="J76" s="546"/>
      <c r="K76" s="547"/>
      <c r="L76" s="464"/>
    </row>
    <row r="77" spans="1:12" s="65" customFormat="1" ht="10.5" x14ac:dyDescent="0.2">
      <c r="A77" s="142" t="s">
        <v>706</v>
      </c>
      <c r="B77" s="527">
        <v>8227000</v>
      </c>
      <c r="C77" s="527">
        <v>11877000</v>
      </c>
      <c r="D77" s="527">
        <v>4249003.3899999997</v>
      </c>
      <c r="E77" s="527">
        <v>4249003.3899999997</v>
      </c>
      <c r="F77" s="545">
        <v>1.4033046353473093</v>
      </c>
      <c r="G77" s="527">
        <v>7627996.6100000003</v>
      </c>
      <c r="H77" s="527">
        <v>3495572.8800000004</v>
      </c>
      <c r="I77" s="527">
        <v>3495572.8800000004</v>
      </c>
      <c r="J77" s="545">
        <v>1.5672247327319602</v>
      </c>
      <c r="K77" s="224">
        <v>8381427.1199999992</v>
      </c>
      <c r="L77" s="464">
        <v>0</v>
      </c>
    </row>
    <row r="78" spans="1:12" ht="10.5" x14ac:dyDescent="0.2">
      <c r="A78" s="187" t="s">
        <v>651</v>
      </c>
      <c r="B78" s="524">
        <v>8227000</v>
      </c>
      <c r="C78" s="524">
        <v>11877000</v>
      </c>
      <c r="D78" s="524">
        <v>4249003.3899999997</v>
      </c>
      <c r="E78" s="524">
        <v>4249003.3899999997</v>
      </c>
      <c r="F78" s="546">
        <v>1.4033046353473093</v>
      </c>
      <c r="G78" s="524">
        <v>7627996.6100000003</v>
      </c>
      <c r="H78" s="524">
        <v>3495572.8800000004</v>
      </c>
      <c r="I78" s="524">
        <v>3495572.8800000004</v>
      </c>
      <c r="J78" s="546">
        <v>1.5672247327319602</v>
      </c>
      <c r="K78" s="225">
        <v>8381427.1199999992</v>
      </c>
      <c r="L78" s="464">
        <v>0</v>
      </c>
    </row>
    <row r="79" spans="1:12" ht="10.5" x14ac:dyDescent="0.2">
      <c r="A79" s="187"/>
      <c r="B79" s="524"/>
      <c r="C79" s="524"/>
      <c r="D79" s="524"/>
      <c r="E79" s="524"/>
      <c r="F79" s="225"/>
      <c r="G79" s="524"/>
      <c r="H79" s="524"/>
      <c r="I79" s="524"/>
      <c r="J79" s="545"/>
      <c r="K79" s="547"/>
      <c r="L79" s="464"/>
    </row>
    <row r="80" spans="1:12" s="65" customFormat="1" ht="10.5" x14ac:dyDescent="0.2">
      <c r="A80" s="142" t="s">
        <v>714</v>
      </c>
      <c r="B80" s="527">
        <v>1704600</v>
      </c>
      <c r="C80" s="527">
        <v>1700600</v>
      </c>
      <c r="D80" s="527">
        <v>251903.60000000003</v>
      </c>
      <c r="E80" s="527">
        <v>251903.60000000003</v>
      </c>
      <c r="F80" s="545">
        <v>8.3195388916993671E-2</v>
      </c>
      <c r="G80" s="527">
        <v>1448696.4</v>
      </c>
      <c r="H80" s="527">
        <v>227541.66</v>
      </c>
      <c r="I80" s="527">
        <v>227541.66</v>
      </c>
      <c r="J80" s="545">
        <v>0.10201730289167552</v>
      </c>
      <c r="K80" s="224">
        <v>1473058.3399999999</v>
      </c>
      <c r="L80" s="464">
        <v>0</v>
      </c>
    </row>
    <row r="81" spans="1:12" ht="10.5" x14ac:dyDescent="0.2">
      <c r="A81" s="187" t="s">
        <v>713</v>
      </c>
      <c r="B81" s="524">
        <v>924000</v>
      </c>
      <c r="C81" s="524">
        <v>924000</v>
      </c>
      <c r="D81" s="524">
        <v>145608.38000000003</v>
      </c>
      <c r="E81" s="524">
        <v>145608.38000000003</v>
      </c>
      <c r="F81" s="546">
        <v>4.8089609690665024E-2</v>
      </c>
      <c r="G81" s="524">
        <v>778391.62</v>
      </c>
      <c r="H81" s="524">
        <v>145608.34</v>
      </c>
      <c r="I81" s="524">
        <v>145608.34</v>
      </c>
      <c r="J81" s="546">
        <v>6.5282859083185346E-2</v>
      </c>
      <c r="K81" s="225">
        <v>778391.66</v>
      </c>
      <c r="L81" s="464">
        <v>0</v>
      </c>
    </row>
    <row r="82" spans="1:12" ht="10.5" x14ac:dyDescent="0.2">
      <c r="A82" s="187" t="s">
        <v>715</v>
      </c>
      <c r="B82" s="524">
        <v>776600</v>
      </c>
      <c r="C82" s="524">
        <v>776600</v>
      </c>
      <c r="D82" s="524">
        <v>106295.22</v>
      </c>
      <c r="E82" s="524">
        <v>106295.22</v>
      </c>
      <c r="F82" s="546">
        <v>3.5105779226328654E-2</v>
      </c>
      <c r="G82" s="524">
        <v>670304.78</v>
      </c>
      <c r="H82" s="524">
        <v>81933.320000000007</v>
      </c>
      <c r="I82" s="524">
        <v>81933.320000000007</v>
      </c>
      <c r="J82" s="546">
        <v>3.6734443808490169E-2</v>
      </c>
      <c r="K82" s="225">
        <v>694666.67999999993</v>
      </c>
      <c r="L82" s="464">
        <v>0</v>
      </c>
    </row>
    <row r="83" spans="1:12" ht="10.5" x14ac:dyDescent="0.2">
      <c r="A83" s="187" t="s">
        <v>716</v>
      </c>
      <c r="B83" s="524">
        <v>4000</v>
      </c>
      <c r="C83" s="524">
        <v>0</v>
      </c>
      <c r="D83" s="524">
        <v>0</v>
      </c>
      <c r="E83" s="524">
        <v>0</v>
      </c>
      <c r="F83" s="546">
        <v>0</v>
      </c>
      <c r="G83" s="524">
        <v>0</v>
      </c>
      <c r="H83" s="524">
        <v>0</v>
      </c>
      <c r="I83" s="524">
        <v>0</v>
      </c>
      <c r="J83" s="545">
        <v>0</v>
      </c>
      <c r="K83" s="225">
        <v>0</v>
      </c>
      <c r="L83" s="464">
        <v>0</v>
      </c>
    </row>
    <row r="84" spans="1:12" ht="10.5" x14ac:dyDescent="0.2">
      <c r="A84" s="187"/>
      <c r="B84" s="524"/>
      <c r="C84" s="524"/>
      <c r="D84" s="524"/>
      <c r="E84" s="524"/>
      <c r="F84" s="225"/>
      <c r="G84" s="524"/>
      <c r="H84" s="524"/>
      <c r="I84" s="524"/>
      <c r="J84" s="545"/>
      <c r="K84" s="547"/>
      <c r="L84" s="464"/>
    </row>
    <row r="85" spans="1:12" s="65" customFormat="1" ht="10.5" x14ac:dyDescent="0.2">
      <c r="A85" s="142" t="s">
        <v>775</v>
      </c>
      <c r="B85" s="527">
        <v>579600</v>
      </c>
      <c r="C85" s="527">
        <v>579600</v>
      </c>
      <c r="D85" s="527">
        <v>73466</v>
      </c>
      <c r="E85" s="527">
        <v>73466</v>
      </c>
      <c r="F85" s="545">
        <v>2.426337869794579E-2</v>
      </c>
      <c r="G85" s="527">
        <v>506134</v>
      </c>
      <c r="H85" s="527">
        <v>72717.97</v>
      </c>
      <c r="I85" s="527">
        <v>72717.97</v>
      </c>
      <c r="J85" s="545">
        <v>3.2602782150564315E-2</v>
      </c>
      <c r="K85" s="224">
        <v>506882.03</v>
      </c>
      <c r="L85" s="464">
        <v>0</v>
      </c>
    </row>
    <row r="86" spans="1:12" ht="10.5" x14ac:dyDescent="0.2">
      <c r="A86" s="187" t="s">
        <v>713</v>
      </c>
      <c r="B86" s="524">
        <v>579600</v>
      </c>
      <c r="C86" s="524">
        <v>579600</v>
      </c>
      <c r="D86" s="524">
        <v>73466</v>
      </c>
      <c r="E86" s="524">
        <v>73466</v>
      </c>
      <c r="F86" s="546">
        <v>2.426337869794579E-2</v>
      </c>
      <c r="G86" s="524">
        <v>506134</v>
      </c>
      <c r="H86" s="524">
        <v>72717.97</v>
      </c>
      <c r="I86" s="524">
        <v>72717.97</v>
      </c>
      <c r="J86" s="546">
        <v>3.2602782150564315E-2</v>
      </c>
      <c r="K86" s="225">
        <v>506882.03</v>
      </c>
      <c r="L86" s="464">
        <v>0</v>
      </c>
    </row>
    <row r="87" spans="1:12" ht="10.5" x14ac:dyDescent="0.2">
      <c r="A87" s="187"/>
      <c r="B87" s="524"/>
      <c r="C87" s="524"/>
      <c r="D87" s="524"/>
      <c r="E87" s="524"/>
      <c r="F87" s="225"/>
      <c r="G87" s="524"/>
      <c r="H87" s="524"/>
      <c r="I87" s="524"/>
      <c r="J87" s="545"/>
      <c r="K87" s="547"/>
      <c r="L87" s="464"/>
    </row>
    <row r="88" spans="1:12" s="65" customFormat="1" ht="10.5" x14ac:dyDescent="0.2">
      <c r="A88" s="142" t="s">
        <v>720</v>
      </c>
      <c r="B88" s="527">
        <v>15101300</v>
      </c>
      <c r="C88" s="527">
        <v>15101300</v>
      </c>
      <c r="D88" s="527">
        <v>3010720.0400000005</v>
      </c>
      <c r="E88" s="527">
        <v>3010720.0400000005</v>
      </c>
      <c r="F88" s="545">
        <v>0.99434079007996223</v>
      </c>
      <c r="G88" s="527">
        <v>12090579.959999999</v>
      </c>
      <c r="H88" s="527">
        <v>3010719.98</v>
      </c>
      <c r="I88" s="527">
        <v>3010719.98</v>
      </c>
      <c r="J88" s="545">
        <v>1.3498430666352668</v>
      </c>
      <c r="K88" s="224">
        <v>12090580.02</v>
      </c>
      <c r="L88" s="464">
        <v>0</v>
      </c>
    </row>
    <row r="89" spans="1:12" ht="10.5" x14ac:dyDescent="0.2">
      <c r="A89" s="187" t="s">
        <v>651</v>
      </c>
      <c r="B89" s="524">
        <v>15101300</v>
      </c>
      <c r="C89" s="524">
        <v>15101300</v>
      </c>
      <c r="D89" s="524">
        <v>3010720.0400000005</v>
      </c>
      <c r="E89" s="524">
        <v>3010720.0400000005</v>
      </c>
      <c r="F89" s="546">
        <v>0.99434079007996223</v>
      </c>
      <c r="G89" s="524">
        <v>12090579.959999999</v>
      </c>
      <c r="H89" s="524">
        <v>3010719.98</v>
      </c>
      <c r="I89" s="524">
        <v>3010719.98</v>
      </c>
      <c r="J89" s="546">
        <v>1.3498430666352668</v>
      </c>
      <c r="K89" s="225">
        <v>12090580.02</v>
      </c>
      <c r="L89" s="464">
        <v>0</v>
      </c>
    </row>
    <row r="90" spans="1:12" s="185" customFormat="1" ht="10.5" x14ac:dyDescent="0.2">
      <c r="A90" s="187"/>
      <c r="B90" s="524"/>
      <c r="C90" s="524"/>
      <c r="D90" s="524"/>
      <c r="E90" s="524"/>
      <c r="F90" s="225"/>
      <c r="G90" s="524"/>
      <c r="H90" s="524"/>
      <c r="I90" s="524"/>
      <c r="J90" s="545"/>
      <c r="K90" s="547"/>
      <c r="L90" s="464"/>
    </row>
    <row r="91" spans="1:12" s="65" customFormat="1" ht="10.5" x14ac:dyDescent="0.2">
      <c r="A91" s="142" t="s">
        <v>725</v>
      </c>
      <c r="B91" s="527">
        <v>68000</v>
      </c>
      <c r="C91" s="527">
        <v>68000</v>
      </c>
      <c r="D91" s="527">
        <v>14596.19</v>
      </c>
      <c r="E91" s="527">
        <v>14596.19</v>
      </c>
      <c r="F91" s="545">
        <v>4.8206365600028493E-3</v>
      </c>
      <c r="G91" s="527">
        <v>53403.81</v>
      </c>
      <c r="H91" s="527">
        <v>14594.21</v>
      </c>
      <c r="I91" s="527">
        <v>14594.21</v>
      </c>
      <c r="J91" s="545">
        <v>6.543249891183529E-3</v>
      </c>
      <c r="K91" s="224">
        <v>53405.79</v>
      </c>
      <c r="L91" s="464">
        <v>0</v>
      </c>
    </row>
    <row r="92" spans="1:12" ht="10.5" x14ac:dyDescent="0.2">
      <c r="A92" s="187" t="s">
        <v>726</v>
      </c>
      <c r="B92" s="524">
        <v>40000</v>
      </c>
      <c r="C92" s="524">
        <v>40000</v>
      </c>
      <c r="D92" s="524">
        <v>0</v>
      </c>
      <c r="E92" s="524">
        <v>0</v>
      </c>
      <c r="F92" s="546">
        <v>0</v>
      </c>
      <c r="G92" s="524">
        <v>40000</v>
      </c>
      <c r="H92" s="524">
        <v>0</v>
      </c>
      <c r="I92" s="524">
        <v>0</v>
      </c>
      <c r="J92" s="546">
        <v>0</v>
      </c>
      <c r="K92" s="225">
        <v>40000</v>
      </c>
      <c r="L92" s="464">
        <v>0</v>
      </c>
    </row>
    <row r="93" spans="1:12" ht="10.5" x14ac:dyDescent="0.2">
      <c r="A93" s="187" t="s">
        <v>727</v>
      </c>
      <c r="B93" s="524">
        <v>28000</v>
      </c>
      <c r="C93" s="524">
        <v>28000</v>
      </c>
      <c r="D93" s="524">
        <v>14596.19</v>
      </c>
      <c r="E93" s="524">
        <v>14596.19</v>
      </c>
      <c r="F93" s="546">
        <v>4.8206365600028493E-3</v>
      </c>
      <c r="G93" s="524">
        <v>13403.81</v>
      </c>
      <c r="H93" s="524">
        <v>14594.21</v>
      </c>
      <c r="I93" s="524">
        <v>14594.21</v>
      </c>
      <c r="J93" s="546">
        <v>6.543249891183529E-3</v>
      </c>
      <c r="K93" s="225">
        <v>13405.79</v>
      </c>
      <c r="L93" s="464">
        <v>0</v>
      </c>
    </row>
    <row r="94" spans="1:12" ht="10.5" x14ac:dyDescent="0.2">
      <c r="A94" s="187"/>
      <c r="B94" s="524"/>
      <c r="C94" s="524"/>
      <c r="D94" s="524"/>
      <c r="E94" s="524"/>
      <c r="F94" s="225"/>
      <c r="G94" s="524"/>
      <c r="H94" s="524"/>
      <c r="I94" s="524"/>
      <c r="J94" s="545"/>
      <c r="K94" s="547"/>
      <c r="L94" s="464"/>
    </row>
    <row r="95" spans="1:12" s="65" customFormat="1" ht="10.5" x14ac:dyDescent="0.2">
      <c r="A95" s="142" t="s">
        <v>728</v>
      </c>
      <c r="B95" s="527">
        <v>98060000</v>
      </c>
      <c r="C95" s="527">
        <v>98060000</v>
      </c>
      <c r="D95" s="527">
        <v>2372608</v>
      </c>
      <c r="E95" s="527">
        <v>2372608</v>
      </c>
      <c r="F95" s="545">
        <v>0.78359358622731279</v>
      </c>
      <c r="G95" s="527">
        <v>95687392</v>
      </c>
      <c r="H95" s="527">
        <v>2319038.63</v>
      </c>
      <c r="I95" s="527">
        <v>2319038.63</v>
      </c>
      <c r="J95" s="545">
        <v>1.0397307742863711</v>
      </c>
      <c r="K95" s="224">
        <v>95740961.370000005</v>
      </c>
      <c r="L95" s="464">
        <v>0</v>
      </c>
    </row>
    <row r="96" spans="1:12" ht="10.5" x14ac:dyDescent="0.2">
      <c r="A96" s="187" t="s">
        <v>731</v>
      </c>
      <c r="B96" s="524">
        <v>98060000</v>
      </c>
      <c r="C96" s="524">
        <v>98060000</v>
      </c>
      <c r="D96" s="524">
        <v>2372608</v>
      </c>
      <c r="E96" s="524">
        <v>2372608</v>
      </c>
      <c r="F96" s="546">
        <v>0.78359358622731279</v>
      </c>
      <c r="G96" s="524">
        <v>95687392</v>
      </c>
      <c r="H96" s="524">
        <v>2319038.63</v>
      </c>
      <c r="I96" s="524">
        <v>2319038.63</v>
      </c>
      <c r="J96" s="546">
        <v>1.0397307742863711</v>
      </c>
      <c r="K96" s="225">
        <v>95740961.370000005</v>
      </c>
      <c r="L96" s="464">
        <v>0</v>
      </c>
    </row>
    <row r="97" spans="1:12" ht="15" customHeight="1" x14ac:dyDescent="0.2">
      <c r="A97" s="144" t="s">
        <v>738</v>
      </c>
      <c r="B97" s="364">
        <v>931270300</v>
      </c>
      <c r="C97" s="364">
        <v>964627131.83000004</v>
      </c>
      <c r="D97" s="364">
        <v>302785530.88000005</v>
      </c>
      <c r="E97" s="364">
        <v>302785530.88000005</v>
      </c>
      <c r="F97" s="549">
        <v>100</v>
      </c>
      <c r="G97" s="364">
        <v>661841600.95000005</v>
      </c>
      <c r="H97" s="364">
        <v>223042222.78999999</v>
      </c>
      <c r="I97" s="364">
        <v>223042222.78999999</v>
      </c>
      <c r="J97" s="549">
        <v>100</v>
      </c>
      <c r="K97" s="227">
        <v>741584909.03999996</v>
      </c>
      <c r="L97" s="550">
        <v>0</v>
      </c>
    </row>
    <row r="98" spans="1:12" ht="10.5" x14ac:dyDescent="0.2">
      <c r="A98" s="64" t="s">
        <v>878</v>
      </c>
      <c r="L98" s="420"/>
    </row>
    <row r="99" spans="1:12" ht="10.5" x14ac:dyDescent="0.2">
      <c r="A99" s="196"/>
    </row>
    <row r="100" spans="1:12" ht="10.5" x14ac:dyDescent="0.2">
      <c r="A100" s="178"/>
    </row>
    <row r="101" spans="1:12" s="270" customFormat="1" ht="10.5" x14ac:dyDescent="0.2">
      <c r="A101" s="401"/>
      <c r="B101" s="43"/>
      <c r="C101" s="43"/>
      <c r="D101" s="43"/>
      <c r="E101" s="43"/>
      <c r="F101" s="43"/>
      <c r="G101" s="43"/>
      <c r="H101" s="43"/>
      <c r="I101" s="43"/>
      <c r="J101" s="43"/>
      <c r="K101" s="43"/>
      <c r="L101" s="55"/>
    </row>
    <row r="102" spans="1:12" s="270" customFormat="1" ht="10.5" x14ac:dyDescent="0.2">
      <c r="A102" s="401"/>
      <c r="B102" s="43"/>
      <c r="C102" s="43"/>
      <c r="D102" s="43"/>
      <c r="E102" s="43"/>
      <c r="F102" s="43"/>
      <c r="G102" s="43"/>
      <c r="H102" s="43"/>
      <c r="I102" s="43"/>
      <c r="J102" s="43"/>
      <c r="K102" s="43"/>
      <c r="L102" s="55"/>
    </row>
    <row r="103" spans="1:12" s="270" customFormat="1" ht="10.5" x14ac:dyDescent="0.2">
      <c r="A103" s="401"/>
      <c r="B103" s="43"/>
      <c r="C103" s="43"/>
      <c r="D103" s="43"/>
      <c r="E103" s="43"/>
      <c r="F103" s="43"/>
      <c r="G103" s="43"/>
      <c r="H103" s="43"/>
      <c r="I103" s="43"/>
      <c r="J103" s="43"/>
      <c r="K103" s="43"/>
      <c r="L103" s="55"/>
    </row>
    <row r="104" spans="1:12" ht="10.5" x14ac:dyDescent="0.2">
      <c r="A104" s="178"/>
    </row>
    <row r="105" spans="1:12" ht="10.5" x14ac:dyDescent="0.2">
      <c r="A105" s="55"/>
      <c r="B105" s="55"/>
    </row>
    <row r="106" spans="1:12" ht="10.5" x14ac:dyDescent="0.2">
      <c r="A106" s="55"/>
      <c r="B106" s="55"/>
    </row>
    <row r="107" spans="1:12" ht="10.5" x14ac:dyDescent="0.2"/>
    <row r="108" spans="1:12" ht="10.5" x14ac:dyDescent="0.2"/>
    <row r="109" spans="1:12" ht="10.5" x14ac:dyDescent="0.2"/>
    <row r="110" spans="1:12" ht="10.5" x14ac:dyDescent="0.2"/>
    <row r="111" spans="1:12" ht="10.5" x14ac:dyDescent="0.2"/>
    <row r="112" spans="1:12" ht="10.5" x14ac:dyDescent="0.2"/>
    <row r="113" ht="10.5"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row r="167" ht="10.5" x14ac:dyDescent="0.2"/>
    <row r="168" ht="10.5" x14ac:dyDescent="0.2"/>
    <row r="169" ht="10.5" x14ac:dyDescent="0.2"/>
    <row r="170" ht="10.5" x14ac:dyDescent="0.2"/>
    <row r="171" ht="10.5" x14ac:dyDescent="0.2"/>
    <row r="172" ht="10.5" x14ac:dyDescent="0.2"/>
    <row r="173" ht="10.5" x14ac:dyDescent="0.2"/>
    <row r="174" ht="10.5" x14ac:dyDescent="0.2"/>
    <row r="175" ht="10.5" x14ac:dyDescent="0.2"/>
    <row r="176" ht="10.5" x14ac:dyDescent="0.2"/>
    <row r="177" ht="10.5" x14ac:dyDescent="0.2"/>
    <row r="178" ht="10.5" x14ac:dyDescent="0.2"/>
    <row r="179" ht="10.5" x14ac:dyDescent="0.2"/>
    <row r="180" ht="10.5" x14ac:dyDescent="0.2"/>
    <row r="181" ht="10.5" x14ac:dyDescent="0.2"/>
    <row r="182" ht="10.5" x14ac:dyDescent="0.2"/>
    <row r="183" ht="10.5" x14ac:dyDescent="0.2"/>
    <row r="184" ht="10.5" x14ac:dyDescent="0.2"/>
    <row r="185" ht="10.5" x14ac:dyDescent="0.2"/>
    <row r="186" ht="10.5" x14ac:dyDescent="0.2"/>
    <row r="187" ht="10.5" x14ac:dyDescent="0.2"/>
    <row r="188" ht="10.5" x14ac:dyDescent="0.2"/>
    <row r="189" ht="10.5" x14ac:dyDescent="0.2"/>
    <row r="190" ht="10.5" x14ac:dyDescent="0.2"/>
    <row r="191" ht="10.5" x14ac:dyDescent="0.2"/>
    <row r="192" ht="10.5" x14ac:dyDescent="0.2"/>
  </sheetData>
  <customSheetViews>
    <customSheetView guid="{8C4C4E05-26A9-48D7-9CF5-CBEE6AE5F4C6}" showPageBreaks="1" showGridLines="0" fitToPage="1">
      <selection activeCell="A30" sqref="A30"/>
      <pageMargins left="0.19685039370078741" right="0.19685039370078741" top="0.19685039370078741" bottom="0.19685039370078741" header="0" footer="0"/>
      <printOptions horizontalCentered="1"/>
      <pageSetup paperSize="9" scale="47" orientation="portrait" r:id="rId1"/>
      <headerFooter alignWithMargins="0"/>
    </customSheetView>
    <customSheetView guid="{6F6CE139-4C01-4DC6-BA1C-5DC7C1E4A87D}" showPageBreaks="1" showGridLines="0" fitToPage="1">
      <selection activeCell="G30" sqref="G30"/>
      <pageMargins left="0.19685039370078741" right="0.19685039370078741" top="0.19685039370078741" bottom="0.19685039370078741" header="0" footer="0"/>
      <printOptions horizontalCentered="1"/>
      <pageSetup paperSize="9" scale="47" orientation="portrait" r:id="rId2"/>
      <headerFooter alignWithMargins="0"/>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82EDB5A4-4824-4632-A540-7A52C92F04C7}" showGridLines="0" topLeftCell="A10">
      <selection activeCell="A49" sqref="A49:XFD49"/>
      <pageMargins left="0.511811024" right="0.511811024" top="0.78740157499999996" bottom="0.78740157499999996" header="0.31496062000000002" footer="0.31496062000000002"/>
      <pageSetup paperSize="9" orientation="portrait" r:id="rId3"/>
    </customSheetView>
    <customSheetView guid="{6DBFA32C-4AA4-4E1D-9A48-697377C64CC3}" showGridLines="0" fitToPage="1">
      <pageMargins left="0.19685039370078741" right="0.19685039370078741" top="0.39370078740157483" bottom="0.19685039370078741" header="0" footer="0"/>
      <printOptions horizontalCentered="1"/>
      <pageSetup paperSize="9" scale="47" orientation="portrait" r:id="rId4"/>
      <headerFooter alignWithMargins="0"/>
    </customSheetView>
    <customSheetView guid="{3AAF6A5F-F9AA-430B-9AD9-1261ECDF41B5}" showPageBreaks="1" showGridLines="0" fitToPage="1" topLeftCell="B8">
      <selection activeCell="G30" sqref="G30"/>
      <pageMargins left="0.19685039370078741" right="0.19685039370078741" top="0.19685039370078741" bottom="0.19685039370078741" header="0" footer="0"/>
      <printOptions horizontalCentered="1"/>
      <pageSetup paperSize="9" scale="47" orientation="portrait" r:id="rId5"/>
      <headerFooter alignWithMargins="0"/>
    </customSheetView>
    <customSheetView guid="{25EF1E0D-169B-4051-B414-7E1196FC05E4}" showPageBreaks="1" showGridLines="0" fitToPage="1" printArea="1" topLeftCell="A79">
      <selection activeCell="A33" sqref="A33"/>
      <pageMargins left="0.19685039370078741" right="0.19685039370078741" top="0.19685039370078741" bottom="0.19685039370078741" header="0" footer="0"/>
      <printOptions horizontalCentered="1"/>
      <pageSetup paperSize="9" scale="47"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19685039370078741" bottom="0.19685039370078741" header="0" footer="0"/>
  <pageSetup paperSize="9" scale="48" orientation="portrait" r:id="rId7"/>
  <headerFooter alignWithMargins="0"/>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00B050"/>
    <pageSetUpPr fitToPage="1"/>
  </sheetPr>
  <dimension ref="A1:P70"/>
  <sheetViews>
    <sheetView showGridLines="0" zoomScaleNormal="100" workbookViewId="0"/>
  </sheetViews>
  <sheetFormatPr defaultColWidth="4.140625" defaultRowHeight="11.25" customHeight="1" x14ac:dyDescent="0.2"/>
  <cols>
    <col min="1" max="1" width="44" style="270" customWidth="1"/>
    <col min="2" max="3" width="17.28515625" style="311" bestFit="1" customWidth="1"/>
    <col min="4" max="5" width="19" style="311" bestFit="1" customWidth="1"/>
    <col min="6" max="6" width="17.28515625" style="311" bestFit="1" customWidth="1"/>
    <col min="7" max="7" width="20.140625" style="318" bestFit="1" customWidth="1"/>
    <col min="8" max="8" width="21.5703125" style="311" customWidth="1"/>
    <col min="9" max="9" width="4.140625" style="210"/>
    <col min="10" max="12" width="4.140625" style="270"/>
    <col min="13" max="13" width="5.140625" style="270" customWidth="1"/>
    <col min="14" max="14" width="4.140625" style="270"/>
    <col min="15" max="15" width="19" style="270" bestFit="1" customWidth="1"/>
    <col min="16" max="16" width="10.28515625" style="270" customWidth="1"/>
    <col min="17" max="16384" width="4.140625" style="270"/>
  </cols>
  <sheetData>
    <row r="1" spans="1:9" s="24" customFormat="1" ht="11.25" customHeight="1" x14ac:dyDescent="0.2">
      <c r="A1" s="273"/>
      <c r="B1" s="311"/>
      <c r="C1" s="311"/>
      <c r="D1" s="311"/>
      <c r="E1" s="311"/>
      <c r="F1" s="311"/>
      <c r="G1" s="318"/>
      <c r="H1" s="311"/>
      <c r="I1" s="111"/>
    </row>
    <row r="2" spans="1:9" s="24" customFormat="1" ht="11.25" customHeight="1" x14ac:dyDescent="0.2">
      <c r="A2" s="273"/>
      <c r="B2" s="311"/>
      <c r="C2" s="311"/>
      <c r="D2" s="311"/>
      <c r="E2" s="311"/>
      <c r="F2" s="311"/>
      <c r="G2" s="318"/>
      <c r="H2" s="311"/>
      <c r="I2" s="111"/>
    </row>
    <row r="3" spans="1:9" s="43" customFormat="1" ht="11.25" customHeight="1" x14ac:dyDescent="0.2">
      <c r="A3" s="731" t="s">
        <v>640</v>
      </c>
      <c r="B3" s="731"/>
      <c r="C3" s="731"/>
      <c r="D3" s="731"/>
      <c r="E3" s="731"/>
      <c r="F3" s="731"/>
      <c r="G3" s="731"/>
      <c r="H3" s="731"/>
      <c r="I3" s="55"/>
    </row>
    <row r="4" spans="1:9" s="43" customFormat="1" ht="11.25" customHeight="1" x14ac:dyDescent="0.2">
      <c r="A4" s="731" t="s">
        <v>105</v>
      </c>
      <c r="B4" s="731"/>
      <c r="C4" s="731"/>
      <c r="D4" s="731"/>
      <c r="E4" s="731"/>
      <c r="F4" s="731"/>
      <c r="G4" s="731"/>
      <c r="H4" s="731"/>
      <c r="I4" s="55"/>
    </row>
    <row r="5" spans="1:9" s="43" customFormat="1" ht="11.25" customHeight="1" x14ac:dyDescent="0.2">
      <c r="A5" s="731" t="s">
        <v>171</v>
      </c>
      <c r="B5" s="731"/>
      <c r="C5" s="731"/>
      <c r="D5" s="731"/>
      <c r="E5" s="731"/>
      <c r="F5" s="731"/>
      <c r="G5" s="731"/>
      <c r="H5" s="731"/>
      <c r="I5" s="55"/>
    </row>
    <row r="6" spans="1:9" s="43" customFormat="1" ht="11.25" customHeight="1" x14ac:dyDescent="0.2">
      <c r="A6" s="731" t="s">
        <v>107</v>
      </c>
      <c r="B6" s="731"/>
      <c r="C6" s="731"/>
      <c r="D6" s="731"/>
      <c r="E6" s="731"/>
      <c r="F6" s="731"/>
      <c r="G6" s="731"/>
      <c r="H6" s="731"/>
      <c r="I6" s="55"/>
    </row>
    <row r="7" spans="1:9" s="43" customFormat="1" ht="11.25" customHeight="1" x14ac:dyDescent="0.2">
      <c r="A7" s="751" t="s">
        <v>741</v>
      </c>
      <c r="B7" s="751"/>
      <c r="C7" s="751"/>
      <c r="D7" s="751"/>
      <c r="E7" s="751"/>
      <c r="F7" s="751"/>
      <c r="G7" s="751"/>
      <c r="H7" s="751"/>
      <c r="I7" s="55"/>
    </row>
    <row r="8" spans="1:9" s="24" customFormat="1" ht="11.25" customHeight="1" x14ac:dyDescent="0.2">
      <c r="A8" s="44"/>
      <c r="B8" s="319"/>
      <c r="C8" s="319"/>
      <c r="D8" s="319"/>
      <c r="E8" s="319"/>
      <c r="F8" s="319"/>
      <c r="G8" s="319"/>
      <c r="H8" s="319"/>
      <c r="I8" s="111"/>
    </row>
    <row r="9" spans="1:9" s="24" customFormat="1" ht="11.25" customHeight="1" x14ac:dyDescent="0.2">
      <c r="A9" s="24" t="s">
        <v>364</v>
      </c>
      <c r="B9" s="311"/>
      <c r="C9" s="311"/>
      <c r="D9" s="311"/>
      <c r="E9" s="311"/>
      <c r="F9" s="311"/>
      <c r="G9" s="327"/>
      <c r="H9" s="327">
        <v>1</v>
      </c>
      <c r="I9" s="111"/>
    </row>
    <row r="10" spans="1:9" ht="11.25" customHeight="1" x14ac:dyDescent="0.2">
      <c r="A10" s="126"/>
      <c r="B10" s="791" t="s">
        <v>172</v>
      </c>
      <c r="C10" s="792"/>
      <c r="D10" s="792"/>
      <c r="E10" s="792"/>
      <c r="F10" s="792"/>
      <c r="G10" s="792"/>
      <c r="H10" s="792"/>
    </row>
    <row r="11" spans="1:9" ht="11.25" customHeight="1" x14ac:dyDescent="0.2">
      <c r="A11" s="272" t="s">
        <v>173</v>
      </c>
      <c r="B11" s="793"/>
      <c r="C11" s="794"/>
      <c r="D11" s="794"/>
      <c r="E11" s="794"/>
      <c r="F11" s="794"/>
      <c r="G11" s="794"/>
      <c r="H11" s="794"/>
    </row>
    <row r="12" spans="1:9" ht="15" customHeight="1" x14ac:dyDescent="0.2">
      <c r="A12" s="48"/>
      <c r="B12" s="328" t="s">
        <v>742</v>
      </c>
      <c r="C12" s="328" t="s">
        <v>743</v>
      </c>
      <c r="D12" s="328" t="s">
        <v>744</v>
      </c>
      <c r="E12" s="328" t="s">
        <v>745</v>
      </c>
      <c r="F12" s="328" t="s">
        <v>746</v>
      </c>
      <c r="G12" s="328" t="s">
        <v>747</v>
      </c>
      <c r="H12" s="329" t="s">
        <v>748</v>
      </c>
    </row>
    <row r="13" spans="1:9" s="65" customFormat="1" ht="10.5" x14ac:dyDescent="0.2">
      <c r="A13" s="127" t="s">
        <v>176</v>
      </c>
      <c r="B13" s="529">
        <v>856527463.37000012</v>
      </c>
      <c r="C13" s="529">
        <v>925742389.05999982</v>
      </c>
      <c r="D13" s="529">
        <v>940975491.25999999</v>
      </c>
      <c r="E13" s="529">
        <v>934924902.78999996</v>
      </c>
      <c r="F13" s="529">
        <v>890889364.90999985</v>
      </c>
      <c r="G13" s="529">
        <v>915443199.46999991</v>
      </c>
      <c r="H13" s="463">
        <v>994232935.98000026</v>
      </c>
      <c r="I13" s="155"/>
    </row>
    <row r="14" spans="1:9" ht="10.5" x14ac:dyDescent="0.2">
      <c r="A14" s="27" t="s">
        <v>177</v>
      </c>
      <c r="B14" s="524">
        <v>621112924.63000011</v>
      </c>
      <c r="C14" s="524">
        <v>645139269.06999993</v>
      </c>
      <c r="D14" s="524">
        <v>632227310.69999993</v>
      </c>
      <c r="E14" s="524">
        <v>629745510.41999996</v>
      </c>
      <c r="F14" s="524">
        <v>610174964.88</v>
      </c>
      <c r="G14" s="524">
        <v>634901843.94999993</v>
      </c>
      <c r="H14" s="464">
        <v>659430702.19000018</v>
      </c>
    </row>
    <row r="15" spans="1:9" ht="10.5" x14ac:dyDescent="0.2">
      <c r="A15" s="27" t="s">
        <v>418</v>
      </c>
      <c r="B15" s="551">
        <v>526712684.66000003</v>
      </c>
      <c r="C15" s="552">
        <v>567526633.17999995</v>
      </c>
      <c r="D15" s="551">
        <v>557385837.90999997</v>
      </c>
      <c r="E15" s="552">
        <v>556864826.16999996</v>
      </c>
      <c r="F15" s="551">
        <v>531976524.31999999</v>
      </c>
      <c r="G15" s="552">
        <v>566627986.98000002</v>
      </c>
      <c r="H15" s="553">
        <v>583110606.36000001</v>
      </c>
    </row>
    <row r="16" spans="1:9" ht="10.5" x14ac:dyDescent="0.2">
      <c r="A16" s="27" t="s">
        <v>419</v>
      </c>
      <c r="B16" s="551">
        <v>33165976.050000001</v>
      </c>
      <c r="C16" s="552">
        <v>14652505.85</v>
      </c>
      <c r="D16" s="551">
        <v>10196889.24</v>
      </c>
      <c r="E16" s="552">
        <v>8551963.7599999998</v>
      </c>
      <c r="F16" s="551">
        <v>8989663.1300000008</v>
      </c>
      <c r="G16" s="552">
        <v>7041915.29</v>
      </c>
      <c r="H16" s="551">
        <v>6654875.0700000003</v>
      </c>
    </row>
    <row r="17" spans="1:9" ht="10.5" x14ac:dyDescent="0.2">
      <c r="A17" s="27" t="s">
        <v>420</v>
      </c>
      <c r="B17" s="551">
        <v>7522237.4699999997</v>
      </c>
      <c r="C17" s="552">
        <v>6218110.6600000001</v>
      </c>
      <c r="D17" s="551">
        <v>7440434.8600000003</v>
      </c>
      <c r="E17" s="552">
        <v>6528268.2300000004</v>
      </c>
      <c r="F17" s="551">
        <v>8990227.9199999999</v>
      </c>
      <c r="G17" s="552">
        <v>7891363.6799999997</v>
      </c>
      <c r="H17" s="551">
        <v>8677874.8300000001</v>
      </c>
    </row>
    <row r="18" spans="1:9" ht="10.5" x14ac:dyDescent="0.2">
      <c r="A18" s="27" t="s">
        <v>417</v>
      </c>
      <c r="B18" s="551">
        <v>30823031.34</v>
      </c>
      <c r="C18" s="552">
        <v>40009655.979999997</v>
      </c>
      <c r="D18" s="551">
        <v>37158069.289999999</v>
      </c>
      <c r="E18" s="552">
        <v>38964665.439999998</v>
      </c>
      <c r="F18" s="551">
        <v>39488695.130000003</v>
      </c>
      <c r="G18" s="552">
        <v>32081373.640000001</v>
      </c>
      <c r="H18" s="551">
        <v>38826055.219999999</v>
      </c>
    </row>
    <row r="19" spans="1:9" ht="10.5" x14ac:dyDescent="0.2">
      <c r="A19" s="27" t="s">
        <v>421</v>
      </c>
      <c r="B19" s="551">
        <v>22888995.109999999</v>
      </c>
      <c r="C19" s="552">
        <v>16732363.4</v>
      </c>
      <c r="D19" s="551">
        <v>20046079.399999999</v>
      </c>
      <c r="E19" s="552">
        <v>18835786.82</v>
      </c>
      <c r="F19" s="551">
        <v>20729854.379999999</v>
      </c>
      <c r="G19" s="552">
        <v>21259204.359999999</v>
      </c>
      <c r="H19" s="551">
        <v>22161290.710000001</v>
      </c>
    </row>
    <row r="20" spans="1:9" ht="10.5" x14ac:dyDescent="0.2">
      <c r="A20" s="27" t="s">
        <v>178</v>
      </c>
      <c r="B20" s="551">
        <v>18477765.91</v>
      </c>
      <c r="C20" s="552">
        <v>25762381.920000002</v>
      </c>
      <c r="D20" s="551">
        <v>30455464.760000002</v>
      </c>
      <c r="E20" s="552">
        <v>25891986.469999999</v>
      </c>
      <c r="F20" s="551">
        <v>27026013.52</v>
      </c>
      <c r="G20" s="552">
        <v>17815693.469999999</v>
      </c>
      <c r="H20" s="551">
        <v>25857545.280000001</v>
      </c>
    </row>
    <row r="21" spans="1:9" ht="10.5" x14ac:dyDescent="0.2">
      <c r="A21" s="27" t="s">
        <v>179</v>
      </c>
      <c r="B21" s="551">
        <v>-2083803.27</v>
      </c>
      <c r="C21" s="552">
        <v>11542452.869999999</v>
      </c>
      <c r="D21" s="551">
        <v>7897401.8300000001</v>
      </c>
      <c r="E21" s="552">
        <v>8261120.3399999999</v>
      </c>
      <c r="F21" s="551">
        <v>17111027.379999999</v>
      </c>
      <c r="G21" s="552">
        <v>12938259.609999999</v>
      </c>
      <c r="H21" s="551">
        <v>22675316.57</v>
      </c>
    </row>
    <row r="22" spans="1:9" ht="10.5" x14ac:dyDescent="0.2">
      <c r="A22" s="27" t="s">
        <v>180</v>
      </c>
      <c r="B22" s="551">
        <v>0</v>
      </c>
      <c r="C22" s="552">
        <v>0</v>
      </c>
      <c r="D22" s="551">
        <v>0</v>
      </c>
      <c r="E22" s="552">
        <v>0</v>
      </c>
      <c r="F22" s="551">
        <v>0</v>
      </c>
      <c r="G22" s="552">
        <v>0</v>
      </c>
      <c r="H22" s="551">
        <v>0</v>
      </c>
    </row>
    <row r="23" spans="1:9" ht="10.5" x14ac:dyDescent="0.2">
      <c r="A23" s="27" t="s">
        <v>181</v>
      </c>
      <c r="B23" s="551">
        <v>0</v>
      </c>
      <c r="C23" s="552">
        <v>0</v>
      </c>
      <c r="D23" s="551">
        <v>0</v>
      </c>
      <c r="E23" s="552">
        <v>0</v>
      </c>
      <c r="F23" s="551">
        <v>0</v>
      </c>
      <c r="G23" s="552">
        <v>0</v>
      </c>
      <c r="H23" s="553">
        <v>0</v>
      </c>
    </row>
    <row r="24" spans="1:9" ht="10.5" x14ac:dyDescent="0.2">
      <c r="A24" s="27" t="s">
        <v>186</v>
      </c>
      <c r="B24" s="551">
        <v>23272062.949999999</v>
      </c>
      <c r="C24" s="552">
        <v>36615339.93</v>
      </c>
      <c r="D24" s="551">
        <v>34182581.939999998</v>
      </c>
      <c r="E24" s="552">
        <v>54878343.310000002</v>
      </c>
      <c r="F24" s="551">
        <v>43769286.039999999</v>
      </c>
      <c r="G24" s="552">
        <v>41043220.850000001</v>
      </c>
      <c r="H24" s="551">
        <v>41039468.100000001</v>
      </c>
    </row>
    <row r="25" spans="1:9" ht="10.5" x14ac:dyDescent="0.2">
      <c r="A25" s="27" t="s">
        <v>182</v>
      </c>
      <c r="B25" s="524">
        <v>187123604.44</v>
      </c>
      <c r="C25" s="524">
        <v>197342324.78999999</v>
      </c>
      <c r="D25" s="524">
        <v>222374438.57999998</v>
      </c>
      <c r="E25" s="524">
        <v>204858340.53999999</v>
      </c>
      <c r="F25" s="524">
        <v>178861677.57999998</v>
      </c>
      <c r="G25" s="524">
        <v>197102882.17000002</v>
      </c>
      <c r="H25" s="464">
        <v>187858057.81</v>
      </c>
    </row>
    <row r="26" spans="1:9" ht="10.5" x14ac:dyDescent="0.2">
      <c r="A26" s="27" t="s">
        <v>422</v>
      </c>
      <c r="B26" s="551">
        <v>64454669.780000001</v>
      </c>
      <c r="C26" s="552">
        <v>73564153.480000004</v>
      </c>
      <c r="D26" s="551">
        <v>98033279.5</v>
      </c>
      <c r="E26" s="552">
        <v>73518631.780000001</v>
      </c>
      <c r="F26" s="551">
        <v>63143202.659999996</v>
      </c>
      <c r="G26" s="552">
        <v>76708248.260000005</v>
      </c>
      <c r="H26" s="551">
        <v>67241193.370000005</v>
      </c>
    </row>
    <row r="27" spans="1:9" ht="10.5" x14ac:dyDescent="0.2">
      <c r="A27" s="27" t="s">
        <v>423</v>
      </c>
      <c r="B27" s="551">
        <v>0</v>
      </c>
      <c r="C27" s="552">
        <v>1504729.69</v>
      </c>
      <c r="D27" s="551">
        <v>1504729.69</v>
      </c>
      <c r="E27" s="552">
        <v>1504729.69</v>
      </c>
      <c r="F27" s="551">
        <v>1504729.69</v>
      </c>
      <c r="G27" s="552">
        <v>1504729.69</v>
      </c>
      <c r="H27" s="551">
        <v>1504729.69</v>
      </c>
    </row>
    <row r="28" spans="1:9" ht="10.5" x14ac:dyDescent="0.2">
      <c r="A28" s="27" t="s">
        <v>424</v>
      </c>
      <c r="B28" s="551">
        <v>6196281.0700000003</v>
      </c>
      <c r="C28" s="552">
        <v>6756508.7199999997</v>
      </c>
      <c r="D28" s="551">
        <v>7348811.1200000001</v>
      </c>
      <c r="E28" s="552">
        <v>6999352.8399999999</v>
      </c>
      <c r="F28" s="551">
        <v>7190515.5599999996</v>
      </c>
      <c r="G28" s="552">
        <v>7411831.5300000003</v>
      </c>
      <c r="H28" s="551">
        <v>6974917.2999999998</v>
      </c>
    </row>
    <row r="29" spans="1:9" ht="10.5" x14ac:dyDescent="0.2">
      <c r="A29" s="27" t="s">
        <v>425</v>
      </c>
      <c r="B29" s="551">
        <v>66099856.390000001</v>
      </c>
      <c r="C29" s="552">
        <v>67893404.739999995</v>
      </c>
      <c r="D29" s="551">
        <v>69165425.209999993</v>
      </c>
      <c r="E29" s="552">
        <v>67280250.129999995</v>
      </c>
      <c r="F29" s="551">
        <v>60926158.619999997</v>
      </c>
      <c r="G29" s="552">
        <v>66155996.979999997</v>
      </c>
      <c r="H29" s="551">
        <v>59326326.530000001</v>
      </c>
    </row>
    <row r="30" spans="1:9" ht="10.5" x14ac:dyDescent="0.2">
      <c r="A30" s="27" t="s">
        <v>426</v>
      </c>
      <c r="B30" s="551">
        <v>50372797.200000003</v>
      </c>
      <c r="C30" s="552">
        <v>47623528.159999996</v>
      </c>
      <c r="D30" s="551">
        <v>46322193.060000002</v>
      </c>
      <c r="E30" s="552">
        <v>55555376.100000001</v>
      </c>
      <c r="F30" s="551">
        <v>46097071.049999997</v>
      </c>
      <c r="G30" s="552">
        <v>45322075.710000001</v>
      </c>
      <c r="H30" s="551">
        <v>52810890.920000017</v>
      </c>
    </row>
    <row r="31" spans="1:9" ht="10.5" x14ac:dyDescent="0.2">
      <c r="A31" s="27" t="s">
        <v>183</v>
      </c>
      <c r="B31" s="551">
        <v>8624908.7100000009</v>
      </c>
      <c r="C31" s="552">
        <v>9340620.4800000004</v>
      </c>
      <c r="D31" s="551">
        <v>13838293.449999999</v>
      </c>
      <c r="E31" s="552">
        <v>11289601.710000001</v>
      </c>
      <c r="F31" s="551">
        <v>13946395.51</v>
      </c>
      <c r="G31" s="552">
        <v>11641299.42</v>
      </c>
      <c r="H31" s="551">
        <v>57371846.030000001</v>
      </c>
    </row>
    <row r="32" spans="1:9" s="65" customFormat="1" ht="10.5" x14ac:dyDescent="0.2">
      <c r="A32" s="127" t="s">
        <v>184</v>
      </c>
      <c r="B32" s="528">
        <v>273366330.38</v>
      </c>
      <c r="C32" s="527">
        <v>288264969.56999999</v>
      </c>
      <c r="D32" s="527">
        <v>291618473.94</v>
      </c>
      <c r="E32" s="527">
        <v>280264842.32999998</v>
      </c>
      <c r="F32" s="527">
        <v>270439807.93000001</v>
      </c>
      <c r="G32" s="527">
        <v>276364693.38999999</v>
      </c>
      <c r="H32" s="465">
        <v>282076821.69</v>
      </c>
      <c r="I32" s="155"/>
    </row>
    <row r="33" spans="1:16" ht="10.5" x14ac:dyDescent="0.2">
      <c r="A33" s="27" t="s">
        <v>185</v>
      </c>
      <c r="B33" s="551">
        <v>155951546.86000001</v>
      </c>
      <c r="C33" s="552">
        <v>157520897.66</v>
      </c>
      <c r="D33" s="551">
        <v>152875284.12</v>
      </c>
      <c r="E33" s="552">
        <v>151597490.49000001</v>
      </c>
      <c r="F33" s="551">
        <v>145947368.84999999</v>
      </c>
      <c r="G33" s="552">
        <v>153535632.78</v>
      </c>
      <c r="H33" s="551">
        <v>157305519.25</v>
      </c>
    </row>
    <row r="34" spans="1:16" ht="10.5" x14ac:dyDescent="0.2">
      <c r="A34" s="27" t="s">
        <v>365</v>
      </c>
      <c r="B34" s="551">
        <v>18406838.93</v>
      </c>
      <c r="C34" s="552">
        <v>25699338.239999998</v>
      </c>
      <c r="D34" s="551">
        <v>30391787.559999999</v>
      </c>
      <c r="E34" s="552">
        <v>25827575.07</v>
      </c>
      <c r="F34" s="551">
        <v>26958779.02</v>
      </c>
      <c r="G34" s="552">
        <v>17734209.370000001</v>
      </c>
      <c r="H34" s="551">
        <v>19117731.43</v>
      </c>
    </row>
    <row r="35" spans="1:16" ht="10.5" x14ac:dyDescent="0.2">
      <c r="A35" s="27" t="s">
        <v>427</v>
      </c>
      <c r="B35" s="551">
        <v>0</v>
      </c>
      <c r="C35" s="552">
        <v>0</v>
      </c>
      <c r="D35" s="551">
        <v>0</v>
      </c>
      <c r="E35" s="552">
        <v>0</v>
      </c>
      <c r="F35" s="551">
        <v>0</v>
      </c>
      <c r="G35" s="552">
        <v>0</v>
      </c>
      <c r="H35" s="551">
        <v>0</v>
      </c>
    </row>
    <row r="36" spans="1:16" ht="10.5" x14ac:dyDescent="0.2">
      <c r="A36" s="27" t="s">
        <v>223</v>
      </c>
      <c r="B36" s="551">
        <v>890967.17</v>
      </c>
      <c r="C36" s="552">
        <v>475074.76</v>
      </c>
      <c r="D36" s="551">
        <v>556549.80000000005</v>
      </c>
      <c r="E36" s="552">
        <v>533586.04</v>
      </c>
      <c r="F36" s="551">
        <v>330488.52</v>
      </c>
      <c r="G36" s="552">
        <v>408816.54</v>
      </c>
      <c r="H36" s="551">
        <v>368550.14</v>
      </c>
    </row>
    <row r="37" spans="1:16" s="65" customFormat="1" ht="10.5" x14ac:dyDescent="0.2">
      <c r="A37" s="27" t="s">
        <v>226</v>
      </c>
      <c r="B37" s="551">
        <v>98116977.420000002</v>
      </c>
      <c r="C37" s="552">
        <v>104569658.91</v>
      </c>
      <c r="D37" s="551">
        <v>107794852.45999999</v>
      </c>
      <c r="E37" s="552">
        <v>102306190.73</v>
      </c>
      <c r="F37" s="551">
        <v>97203171.540000007</v>
      </c>
      <c r="G37" s="552">
        <v>104686034.7</v>
      </c>
      <c r="H37" s="551">
        <v>105285020.87</v>
      </c>
      <c r="I37" s="155"/>
    </row>
    <row r="38" spans="1:16" s="65" customFormat="1" ht="15" customHeight="1" x14ac:dyDescent="0.2">
      <c r="A38" s="25" t="s">
        <v>234</v>
      </c>
      <c r="B38" s="451">
        <v>583161132.99000013</v>
      </c>
      <c r="C38" s="451">
        <v>637477419.48999977</v>
      </c>
      <c r="D38" s="451">
        <v>649357017.31999993</v>
      </c>
      <c r="E38" s="451">
        <v>654660060.46000004</v>
      </c>
      <c r="F38" s="364">
        <v>620449556.97999978</v>
      </c>
      <c r="G38" s="363">
        <v>639078506.07999992</v>
      </c>
      <c r="H38" s="451">
        <v>712156114.2900002</v>
      </c>
      <c r="I38" s="155"/>
    </row>
    <row r="39" spans="1:16" ht="5.0999999999999996" customHeight="1" x14ac:dyDescent="0.2">
      <c r="A39" s="73"/>
      <c r="B39" s="73"/>
      <c r="C39" s="73"/>
      <c r="D39" s="73"/>
      <c r="E39" s="73"/>
      <c r="F39" s="73"/>
      <c r="G39" s="73"/>
      <c r="H39" s="73"/>
    </row>
    <row r="40" spans="1:16" s="24" customFormat="1" ht="5.0999999999999996" customHeight="1" x14ac:dyDescent="0.2">
      <c r="B40" s="311"/>
      <c r="C40" s="311"/>
      <c r="D40" s="311"/>
      <c r="E40" s="311"/>
      <c r="F40" s="311"/>
      <c r="G40" s="311"/>
      <c r="H40" s="311"/>
      <c r="I40" s="111"/>
    </row>
    <row r="41" spans="1:16" ht="11.25" customHeight="1" x14ac:dyDescent="0.2">
      <c r="A41" s="126"/>
      <c r="B41" s="791" t="s">
        <v>172</v>
      </c>
      <c r="C41" s="792"/>
      <c r="D41" s="792"/>
      <c r="E41" s="792"/>
      <c r="F41" s="792"/>
      <c r="G41" s="330" t="s">
        <v>170</v>
      </c>
      <c r="H41" s="330" t="s">
        <v>108</v>
      </c>
    </row>
    <row r="42" spans="1:16" ht="11.25" customHeight="1" x14ac:dyDescent="0.2">
      <c r="A42" s="272" t="s">
        <v>173</v>
      </c>
      <c r="B42" s="793"/>
      <c r="C42" s="794"/>
      <c r="D42" s="794"/>
      <c r="E42" s="794"/>
      <c r="F42" s="794"/>
      <c r="G42" s="331" t="s">
        <v>174</v>
      </c>
      <c r="H42" s="331" t="s">
        <v>112</v>
      </c>
    </row>
    <row r="43" spans="1:16" ht="15" customHeight="1" x14ac:dyDescent="0.2">
      <c r="A43" s="48"/>
      <c r="B43" s="332" t="s">
        <v>749</v>
      </c>
      <c r="C43" s="332" t="s">
        <v>750</v>
      </c>
      <c r="D43" s="332" t="s">
        <v>751</v>
      </c>
      <c r="E43" s="332" t="s">
        <v>752</v>
      </c>
      <c r="F43" s="332" t="s">
        <v>753</v>
      </c>
      <c r="G43" s="329" t="s">
        <v>175</v>
      </c>
      <c r="H43" s="338">
        <v>2015</v>
      </c>
    </row>
    <row r="44" spans="1:16" s="65" customFormat="1" ht="10.5" x14ac:dyDescent="0.2">
      <c r="A44" s="127" t="s">
        <v>176</v>
      </c>
      <c r="B44" s="463">
        <v>956570459.6500001</v>
      </c>
      <c r="C44" s="463">
        <v>976776025.08000004</v>
      </c>
      <c r="D44" s="463">
        <v>1201079487.22</v>
      </c>
      <c r="E44" s="463">
        <v>1101788593.7499998</v>
      </c>
      <c r="F44" s="463">
        <v>904433255.06999981</v>
      </c>
      <c r="G44" s="463">
        <v>11599383567.610003</v>
      </c>
      <c r="H44" s="554">
        <v>12469124900</v>
      </c>
      <c r="I44" s="155"/>
      <c r="O44" s="198"/>
      <c r="P44" s="198"/>
    </row>
    <row r="45" spans="1:16" ht="10.5" x14ac:dyDescent="0.2">
      <c r="A45" s="27" t="s">
        <v>177</v>
      </c>
      <c r="B45" s="464">
        <v>647493051.22000003</v>
      </c>
      <c r="C45" s="464">
        <v>668965536.63</v>
      </c>
      <c r="D45" s="551">
        <v>821390933.29000008</v>
      </c>
      <c r="E45" s="464">
        <v>799499913.00999999</v>
      </c>
      <c r="F45" s="464">
        <v>614898556.80999994</v>
      </c>
      <c r="G45" s="464">
        <v>7984980516.7999992</v>
      </c>
      <c r="H45" s="551">
        <v>8120560200</v>
      </c>
      <c r="O45" s="197"/>
      <c r="P45" s="198"/>
    </row>
    <row r="46" spans="1:16" ht="10.5" x14ac:dyDescent="0.2">
      <c r="A46" s="27" t="s">
        <v>418</v>
      </c>
      <c r="B46" s="341">
        <v>563162368.09000003</v>
      </c>
      <c r="C46" s="555">
        <v>591782160.12</v>
      </c>
      <c r="D46" s="555">
        <v>644552828.45000005</v>
      </c>
      <c r="E46" s="464">
        <v>587682625.99000001</v>
      </c>
      <c r="F46" s="464">
        <v>523211412.75999999</v>
      </c>
      <c r="G46" s="464">
        <v>6800596494.9899998</v>
      </c>
      <c r="H46" s="556">
        <v>6742500000</v>
      </c>
      <c r="O46" s="197"/>
      <c r="P46" s="198"/>
    </row>
    <row r="47" spans="1:16" ht="10.5" x14ac:dyDescent="0.2">
      <c r="A47" s="27" t="s">
        <v>419</v>
      </c>
      <c r="B47" s="341">
        <v>5748342.3700000001</v>
      </c>
      <c r="C47" s="555">
        <v>4093667.23</v>
      </c>
      <c r="D47" s="555">
        <v>24116335.530000001</v>
      </c>
      <c r="E47" s="464">
        <v>174535106.62</v>
      </c>
      <c r="F47" s="464">
        <v>26373911.09</v>
      </c>
      <c r="G47" s="464">
        <v>324121151.23000002</v>
      </c>
      <c r="H47" s="556">
        <v>329900000</v>
      </c>
      <c r="O47" s="197"/>
      <c r="P47" s="198"/>
    </row>
    <row r="48" spans="1:16" ht="10.5" x14ac:dyDescent="0.2">
      <c r="A48" s="27" t="s">
        <v>420</v>
      </c>
      <c r="B48" s="341">
        <v>9104226.2400000002</v>
      </c>
      <c r="C48" s="555">
        <v>9590093.0399999991</v>
      </c>
      <c r="D48" s="555">
        <v>9291101.3300000001</v>
      </c>
      <c r="E48" s="464">
        <v>6900379.1200000001</v>
      </c>
      <c r="F48" s="464">
        <v>4324192.87</v>
      </c>
      <c r="G48" s="464">
        <v>92478510.250000015</v>
      </c>
      <c r="H48" s="556">
        <v>105800000</v>
      </c>
      <c r="O48" s="197"/>
      <c r="P48" s="198"/>
    </row>
    <row r="49" spans="1:16" ht="10.5" x14ac:dyDescent="0.2">
      <c r="A49" s="27" t="s">
        <v>417</v>
      </c>
      <c r="B49" s="341">
        <v>46314571.149999999</v>
      </c>
      <c r="C49" s="555">
        <v>40486661.350000001</v>
      </c>
      <c r="D49" s="555">
        <v>115181364.06999999</v>
      </c>
      <c r="E49" s="464">
        <v>16444108.98</v>
      </c>
      <c r="F49" s="464">
        <v>42865748.549999997</v>
      </c>
      <c r="G49" s="464">
        <v>518644000.14000005</v>
      </c>
      <c r="H49" s="556">
        <v>510400000</v>
      </c>
      <c r="O49" s="197"/>
      <c r="P49" s="198"/>
    </row>
    <row r="50" spans="1:16" ht="10.5" x14ac:dyDescent="0.2">
      <c r="A50" s="27" t="s">
        <v>421</v>
      </c>
      <c r="B50" s="341">
        <v>23163543.370000001</v>
      </c>
      <c r="C50" s="555">
        <v>23012954.890000001</v>
      </c>
      <c r="D50" s="555">
        <v>28249303.91</v>
      </c>
      <c r="E50" s="464">
        <v>13937692.300000001</v>
      </c>
      <c r="F50" s="464">
        <v>18123291.539999999</v>
      </c>
      <c r="G50" s="464">
        <v>249140360.19</v>
      </c>
      <c r="H50" s="556">
        <v>431960200</v>
      </c>
      <c r="O50" s="197"/>
      <c r="P50" s="198"/>
    </row>
    <row r="51" spans="1:16" ht="10.5" x14ac:dyDescent="0.2">
      <c r="A51" s="27" t="s">
        <v>178</v>
      </c>
      <c r="B51" s="341">
        <v>34439551.350000001</v>
      </c>
      <c r="C51" s="555">
        <v>28319763.510000002</v>
      </c>
      <c r="D51" s="555">
        <v>55144049.049999997</v>
      </c>
      <c r="E51" s="464">
        <v>12848164.560000001</v>
      </c>
      <c r="F51" s="464">
        <v>16900171.550000001</v>
      </c>
      <c r="G51" s="464">
        <v>318938551.35000002</v>
      </c>
      <c r="H51" s="556">
        <v>388750900</v>
      </c>
      <c r="O51" s="197"/>
      <c r="P51" s="198"/>
    </row>
    <row r="52" spans="1:16" ht="10.5" x14ac:dyDescent="0.2">
      <c r="A52" s="27" t="s">
        <v>179</v>
      </c>
      <c r="B52" s="341">
        <v>18178530.419999998</v>
      </c>
      <c r="C52" s="555">
        <v>763264.52</v>
      </c>
      <c r="D52" s="555">
        <v>963986.26</v>
      </c>
      <c r="E52" s="464">
        <v>6723383.3899999997</v>
      </c>
      <c r="F52" s="464">
        <v>6675794.4199999999</v>
      </c>
      <c r="G52" s="464">
        <v>111646734.34</v>
      </c>
      <c r="H52" s="556">
        <v>135829800</v>
      </c>
      <c r="O52" s="197"/>
      <c r="P52" s="198"/>
    </row>
    <row r="53" spans="1:16" ht="10.5" x14ac:dyDescent="0.2">
      <c r="A53" s="27" t="s">
        <v>180</v>
      </c>
      <c r="B53" s="341">
        <v>0</v>
      </c>
      <c r="C53" s="555">
        <v>0</v>
      </c>
      <c r="D53" s="555">
        <v>0</v>
      </c>
      <c r="E53" s="464">
        <v>0</v>
      </c>
      <c r="F53" s="464">
        <v>0</v>
      </c>
      <c r="G53" s="464">
        <v>0</v>
      </c>
      <c r="H53" s="551">
        <v>0</v>
      </c>
      <c r="O53" s="197"/>
      <c r="P53" s="198"/>
    </row>
    <row r="54" spans="1:16" ht="10.5" x14ac:dyDescent="0.2">
      <c r="A54" s="27" t="s">
        <v>181</v>
      </c>
      <c r="B54" s="341">
        <v>0</v>
      </c>
      <c r="C54" s="555">
        <v>0</v>
      </c>
      <c r="D54" s="555">
        <v>0</v>
      </c>
      <c r="E54" s="464">
        <v>0</v>
      </c>
      <c r="F54" s="464">
        <v>0</v>
      </c>
      <c r="G54" s="464">
        <v>0</v>
      </c>
      <c r="H54" s="551">
        <v>0</v>
      </c>
      <c r="O54" s="197"/>
      <c r="P54" s="198"/>
    </row>
    <row r="55" spans="1:16" ht="10.5" x14ac:dyDescent="0.2">
      <c r="A55" s="27" t="s">
        <v>186</v>
      </c>
      <c r="B55" s="341">
        <v>42175749.440000005</v>
      </c>
      <c r="C55" s="555">
        <v>47200659.609999999</v>
      </c>
      <c r="D55" s="555">
        <v>44921170.450000003</v>
      </c>
      <c r="E55" s="464">
        <v>30602025.84</v>
      </c>
      <c r="F55" s="464">
        <v>28882653.66</v>
      </c>
      <c r="G55" s="464">
        <v>468582562.12</v>
      </c>
      <c r="H55" s="556">
        <v>447593100</v>
      </c>
      <c r="O55" s="197"/>
      <c r="P55" s="198"/>
    </row>
    <row r="56" spans="1:16" ht="10.5" x14ac:dyDescent="0.2">
      <c r="A56" s="27" t="s">
        <v>182</v>
      </c>
      <c r="B56" s="464">
        <v>204732443.35999998</v>
      </c>
      <c r="C56" s="464">
        <v>221099976.99000001</v>
      </c>
      <c r="D56" s="464">
        <v>228080175.49000001</v>
      </c>
      <c r="E56" s="464">
        <v>242400879.34999999</v>
      </c>
      <c r="F56" s="464">
        <v>230447506.27999997</v>
      </c>
      <c r="G56" s="464">
        <v>2502282307.3800001</v>
      </c>
      <c r="H56" s="551">
        <v>3212642800</v>
      </c>
      <c r="O56" s="197"/>
      <c r="P56" s="198"/>
    </row>
    <row r="57" spans="1:16" ht="10.5" x14ac:dyDescent="0.2">
      <c r="A57" s="27" t="s">
        <v>422</v>
      </c>
      <c r="B57" s="341">
        <v>63549852.159999996</v>
      </c>
      <c r="C57" s="555">
        <v>84116356.060000002</v>
      </c>
      <c r="D57" s="555">
        <v>92395654.930000007</v>
      </c>
      <c r="E57" s="464">
        <v>103504091.45</v>
      </c>
      <c r="F57" s="464">
        <v>105657624.64</v>
      </c>
      <c r="G57" s="464">
        <v>965886958.07000005</v>
      </c>
      <c r="H57" s="556">
        <v>1070500000</v>
      </c>
      <c r="O57" s="197"/>
      <c r="P57" s="198"/>
    </row>
    <row r="58" spans="1:16" ht="10.5" x14ac:dyDescent="0.2">
      <c r="A58" s="27" t="s">
        <v>423</v>
      </c>
      <c r="B58" s="341">
        <v>1504729.69</v>
      </c>
      <c r="C58" s="555">
        <v>1504729.69</v>
      </c>
      <c r="D58" s="555">
        <v>3009459.38</v>
      </c>
      <c r="E58" s="464">
        <v>0</v>
      </c>
      <c r="F58" s="464">
        <v>0</v>
      </c>
      <c r="G58" s="464">
        <v>15047296.899999999</v>
      </c>
      <c r="H58" s="556">
        <v>18100000</v>
      </c>
      <c r="O58" s="197"/>
      <c r="P58" s="198"/>
    </row>
    <row r="59" spans="1:16" ht="10.5" x14ac:dyDescent="0.2">
      <c r="A59" s="27" t="s">
        <v>424</v>
      </c>
      <c r="B59" s="341">
        <v>7469550.7800000003</v>
      </c>
      <c r="C59" s="555">
        <v>8577270.1899999995</v>
      </c>
      <c r="D59" s="555">
        <v>8463270.4700000007</v>
      </c>
      <c r="E59" s="464">
        <v>11263748.6</v>
      </c>
      <c r="F59" s="464">
        <v>6701026.1299999999</v>
      </c>
      <c r="G59" s="464">
        <v>91353084.309999987</v>
      </c>
      <c r="H59" s="556">
        <v>70200000</v>
      </c>
      <c r="O59" s="197"/>
      <c r="P59" s="198"/>
    </row>
    <row r="60" spans="1:16" ht="10.5" x14ac:dyDescent="0.2">
      <c r="A60" s="27" t="s">
        <v>425</v>
      </c>
      <c r="B60" s="341">
        <v>69965907.510000005</v>
      </c>
      <c r="C60" s="555">
        <v>80294032.040000007</v>
      </c>
      <c r="D60" s="555">
        <v>76603694.640000001</v>
      </c>
      <c r="E60" s="464">
        <v>80061435.019999996</v>
      </c>
      <c r="F60" s="464">
        <v>76782173.819999993</v>
      </c>
      <c r="G60" s="464">
        <v>840554661.62999988</v>
      </c>
      <c r="H60" s="556">
        <v>927764000</v>
      </c>
      <c r="O60" s="197"/>
      <c r="P60" s="198"/>
    </row>
    <row r="61" spans="1:16" ht="10.5" x14ac:dyDescent="0.2">
      <c r="A61" s="27" t="s">
        <v>426</v>
      </c>
      <c r="B61" s="341">
        <v>62242403.219999991</v>
      </c>
      <c r="C61" s="555">
        <v>46607589.009999998</v>
      </c>
      <c r="D61" s="555">
        <v>47608096.07</v>
      </c>
      <c r="E61" s="464">
        <v>47571604.280000001</v>
      </c>
      <c r="F61" s="464">
        <v>41306681.689999998</v>
      </c>
      <c r="G61" s="464">
        <v>589440306.47000003</v>
      </c>
      <c r="H61" s="556">
        <v>1126078800</v>
      </c>
      <c r="O61" s="197"/>
      <c r="P61" s="198"/>
    </row>
    <row r="62" spans="1:16" ht="10.5" x14ac:dyDescent="0.2">
      <c r="A62" s="27" t="s">
        <v>183</v>
      </c>
      <c r="B62" s="341">
        <v>9551133.8599999994</v>
      </c>
      <c r="C62" s="555">
        <v>10426823.82</v>
      </c>
      <c r="D62" s="555">
        <v>50579172.68</v>
      </c>
      <c r="E62" s="464">
        <v>9714227.5999999996</v>
      </c>
      <c r="F62" s="464">
        <v>6628572.3499999996</v>
      </c>
      <c r="G62" s="464">
        <v>212952895.62</v>
      </c>
      <c r="H62" s="556">
        <v>163748100</v>
      </c>
      <c r="O62" s="197"/>
      <c r="P62" s="198"/>
    </row>
    <row r="63" spans="1:16" s="65" customFormat="1" ht="10.5" x14ac:dyDescent="0.2">
      <c r="A63" s="128" t="s">
        <v>184</v>
      </c>
      <c r="B63" s="465">
        <v>294790190.5</v>
      </c>
      <c r="C63" s="465">
        <v>298016432.49000001</v>
      </c>
      <c r="D63" s="465">
        <v>351698577.89999998</v>
      </c>
      <c r="E63" s="465">
        <v>385492604.48000002</v>
      </c>
      <c r="F63" s="465">
        <v>273343390.47000003</v>
      </c>
      <c r="G63" s="465">
        <v>3565737135.0699997</v>
      </c>
      <c r="H63" s="528">
        <v>3778044100</v>
      </c>
      <c r="I63" s="155"/>
      <c r="O63" s="198"/>
      <c r="P63" s="198"/>
    </row>
    <row r="64" spans="1:16" ht="10.5" x14ac:dyDescent="0.2">
      <c r="A64" s="27" t="s">
        <v>185</v>
      </c>
      <c r="B64" s="341">
        <v>152051490.19</v>
      </c>
      <c r="C64" s="555">
        <v>158736071.74000001</v>
      </c>
      <c r="D64" s="555">
        <v>173920119.34999999</v>
      </c>
      <c r="E64" s="464">
        <v>243030683.58000001</v>
      </c>
      <c r="F64" s="464">
        <v>151666129.28</v>
      </c>
      <c r="G64" s="464">
        <v>1954138234.1499999</v>
      </c>
      <c r="H64" s="556">
        <v>2079676200</v>
      </c>
      <c r="O64" s="197"/>
      <c r="P64" s="198"/>
    </row>
    <row r="65" spans="1:16" ht="10.5" x14ac:dyDescent="0.2">
      <c r="A65" s="27" t="s">
        <v>365</v>
      </c>
      <c r="B65" s="341">
        <v>41045653.57</v>
      </c>
      <c r="C65" s="555">
        <v>28230336.48</v>
      </c>
      <c r="D65" s="555">
        <v>55032725.600000001</v>
      </c>
      <c r="E65" s="464">
        <v>12593547.49</v>
      </c>
      <c r="F65" s="464">
        <v>16616770.939999999</v>
      </c>
      <c r="G65" s="464">
        <v>317655293.69999999</v>
      </c>
      <c r="H65" s="556">
        <v>361921900</v>
      </c>
      <c r="O65" s="197"/>
      <c r="P65" s="198"/>
    </row>
    <row r="66" spans="1:16" ht="10.5" x14ac:dyDescent="0.2">
      <c r="A66" s="27" t="s">
        <v>427</v>
      </c>
      <c r="B66" s="341">
        <v>0</v>
      </c>
      <c r="C66" s="555">
        <v>0</v>
      </c>
      <c r="D66" s="555">
        <v>0</v>
      </c>
      <c r="E66" s="464">
        <v>0</v>
      </c>
      <c r="F66" s="464">
        <v>0</v>
      </c>
      <c r="G66" s="464">
        <v>0</v>
      </c>
      <c r="H66" s="556">
        <v>26829000</v>
      </c>
      <c r="O66" s="197"/>
      <c r="P66" s="198"/>
    </row>
    <row r="67" spans="1:16" ht="10.5" x14ac:dyDescent="0.2">
      <c r="A67" s="27" t="s">
        <v>223</v>
      </c>
      <c r="B67" s="341">
        <v>0</v>
      </c>
      <c r="C67" s="555">
        <v>764824.62</v>
      </c>
      <c r="D67" s="555">
        <v>742587.35</v>
      </c>
      <c r="E67" s="464">
        <v>0</v>
      </c>
      <c r="F67" s="464">
        <v>459968.06</v>
      </c>
      <c r="G67" s="464">
        <v>5531413</v>
      </c>
      <c r="H67" s="556">
        <v>7820000</v>
      </c>
      <c r="O67" s="197"/>
      <c r="P67" s="198"/>
    </row>
    <row r="68" spans="1:16" s="65" customFormat="1" ht="10.5" x14ac:dyDescent="0.2">
      <c r="A68" s="27" t="s">
        <v>226</v>
      </c>
      <c r="B68" s="341">
        <v>101693046.73999999</v>
      </c>
      <c r="C68" s="555">
        <v>110285199.65000001</v>
      </c>
      <c r="D68" s="555">
        <v>122003145.59999999</v>
      </c>
      <c r="E68" s="464">
        <v>129868373.41</v>
      </c>
      <c r="F68" s="464">
        <v>104600522.19</v>
      </c>
      <c r="G68" s="464">
        <v>1288412194.22</v>
      </c>
      <c r="H68" s="556">
        <v>1301797000</v>
      </c>
      <c r="I68" s="210"/>
      <c r="J68" s="270"/>
      <c r="K68" s="270"/>
      <c r="L68" s="270"/>
      <c r="O68" s="198"/>
      <c r="P68" s="198"/>
    </row>
    <row r="69" spans="1:16" s="65" customFormat="1" ht="15" customHeight="1" x14ac:dyDescent="0.2">
      <c r="A69" s="25" t="s">
        <v>234</v>
      </c>
      <c r="B69" s="451">
        <v>661780269.1500001</v>
      </c>
      <c r="C69" s="451">
        <v>678759592.59000003</v>
      </c>
      <c r="D69" s="451">
        <v>849380909.32000005</v>
      </c>
      <c r="E69" s="451">
        <v>716295989.26999974</v>
      </c>
      <c r="F69" s="364">
        <v>631089864.59999979</v>
      </c>
      <c r="G69" s="364">
        <v>8033646432.5400028</v>
      </c>
      <c r="H69" s="451">
        <v>8691080800</v>
      </c>
      <c r="I69" s="155"/>
      <c r="O69" s="198"/>
      <c r="P69" s="198"/>
    </row>
    <row r="70" spans="1:16" ht="10.5" x14ac:dyDescent="0.2">
      <c r="A70" s="64" t="s">
        <v>878</v>
      </c>
      <c r="B70" s="333"/>
      <c r="C70" s="333"/>
      <c r="D70" s="333"/>
      <c r="E70" s="333"/>
      <c r="F70" s="333"/>
      <c r="G70" s="333"/>
      <c r="H70" s="334"/>
    </row>
  </sheetData>
  <customSheetViews>
    <customSheetView guid="{8C4C4E05-26A9-48D7-9CF5-CBEE6AE5F4C6}" showPageBreaks="1" showGridLines="0" fitToPage="1" printArea="1" topLeftCell="C41">
      <selection activeCell="P54" sqref="P54"/>
      <pageMargins left="0.19685039370078741" right="0.19685039370078741" top="0.19685039370078741" bottom="0.19685039370078741" header="0" footer="0"/>
      <printOptions horizontalCentered="1"/>
      <pageSetup paperSize="9" scale="57" orientation="portrait" r:id="rId1"/>
      <headerFooter alignWithMargins="0"/>
    </customSheetView>
    <customSheetView guid="{6F6CE139-4C01-4DC6-BA1C-5DC7C1E4A87D}" showPageBreaks="1" showGridLines="0" fitToPage="1" printArea="1">
      <selection activeCell="H50" sqref="H50"/>
      <pageMargins left="0.19685039370078741" right="0.19685039370078741" top="0.39370078740157483" bottom="0.19685039370078741" header="0" footer="0"/>
      <printOptions horizontalCentered="1"/>
      <pageSetup paperSize="9" scale="57" orientation="portrait" r:id="rId2"/>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3"/>
      <headerFooter alignWithMargins="0"/>
    </customSheetView>
    <customSheetView guid="{82EDB5A4-4824-4632-A540-7A52C92F04C7}" showPageBreaks="1" showGridLines="0" fitToPage="1" printArea="1" topLeftCell="B36">
      <selection activeCell="H65" sqref="H65"/>
      <pageMargins left="0.39370078740157483" right="0.39370078740157483" top="0.98425196850393704" bottom="0.98425196850393704" header="0" footer="0.19685039370078741"/>
      <printOptions horizontalCentered="1"/>
      <pageSetup paperSize="9" scale="55" fitToHeight="4" orientation="portrait" r:id="rId4"/>
      <headerFooter alignWithMargins="0"/>
    </customSheetView>
    <customSheetView guid="{6DBFA32C-4AA4-4E1D-9A48-697377C64CC3}" showGridLines="0" fitToPage="1">
      <pageMargins left="0.19685039370078741" right="0.19685039370078741" top="0.39370078740157483" bottom="0.19685039370078741" header="0" footer="0"/>
      <printOptions horizontalCentered="1"/>
      <pageSetup paperSize="9" scale="57" orientation="portrait" r:id="rId5"/>
      <headerFooter alignWithMargins="0"/>
    </customSheetView>
    <customSheetView guid="{3AAF6A5F-F9AA-430B-9AD9-1261ECDF41B5}" showPageBreaks="1" showGridLines="0" fitToPage="1" printArea="1" topLeftCell="C41">
      <selection activeCell="H50" sqref="H50"/>
      <pageMargins left="0.19685039370078741" right="0.19685039370078741" top="0.19685039370078741" bottom="0.19685039370078741" header="0" footer="0"/>
      <printOptions horizontalCentered="1"/>
      <pageSetup paperSize="9" scale="57" orientation="portrait" r:id="rId6"/>
      <headerFooter alignWithMargins="0"/>
    </customSheetView>
    <customSheetView guid="{25EF1E0D-169B-4051-B414-7E1196FC05E4}" showPageBreaks="1" showGridLines="0" fitToPage="1" printArea="1" topLeftCell="A43">
      <selection activeCell="E49" sqref="E49:F49"/>
      <pageMargins left="0.19685039370078741" right="0.39370078740157483" top="0.19685039370078741" bottom="0.19685039370078741" header="0" footer="0"/>
      <printOptions horizontalCentered="1"/>
      <pageSetup paperSize="9" scale="56" orientation="portrait" r:id="rId7"/>
      <headerFooter alignWithMargins="0"/>
    </customSheetView>
  </customSheetViews>
  <mergeCells count="7">
    <mergeCell ref="B10:H11"/>
    <mergeCell ref="B41:F42"/>
    <mergeCell ref="A3:H3"/>
    <mergeCell ref="A4:H4"/>
    <mergeCell ref="A5:H5"/>
    <mergeCell ref="A6:H6"/>
    <mergeCell ref="A7:H7"/>
  </mergeCells>
  <printOptions horizontalCentered="1"/>
  <pageMargins left="0.19685039370078741" right="0.19685039370078741" top="0.19685039370078741" bottom="0.19685039370078741" header="0" footer="0"/>
  <pageSetup paperSize="9" scale="56"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43"/>
  <sheetViews>
    <sheetView showGridLines="0" zoomScaleNormal="100" workbookViewId="0">
      <selection sqref="A1:XFD1048576"/>
    </sheetView>
  </sheetViews>
  <sheetFormatPr defaultColWidth="7.85546875" defaultRowHeight="11.25" customHeight="1" x14ac:dyDescent="0.2"/>
  <cols>
    <col min="1" max="1" width="71.28515625" style="175" customWidth="1"/>
    <col min="2" max="3" width="21.7109375" style="175" bestFit="1" customWidth="1"/>
    <col min="4" max="4" width="19" style="175" customWidth="1"/>
    <col min="5" max="5" width="17.42578125" style="175" bestFit="1" customWidth="1"/>
    <col min="6" max="6" width="18.28515625" style="174" bestFit="1" customWidth="1"/>
    <col min="7" max="7" width="18.28515625" style="175" bestFit="1" customWidth="1"/>
    <col min="8" max="8" width="17.42578125" style="175" bestFit="1" customWidth="1"/>
    <col min="9" max="9" width="17.42578125" style="174" bestFit="1" customWidth="1"/>
    <col min="10" max="10" width="11.5703125" style="175" bestFit="1" customWidth="1"/>
    <col min="11" max="11" width="16.85546875" style="175" customWidth="1"/>
    <col min="12" max="12" width="12.28515625" style="175" customWidth="1"/>
    <col min="13" max="16384" width="7.85546875" style="175"/>
  </cols>
  <sheetData>
    <row r="1" spans="1:12" s="24" customFormat="1" ht="10.5" x14ac:dyDescent="0.2">
      <c r="A1" s="296"/>
      <c r="B1" s="296"/>
      <c r="C1" s="296"/>
      <c r="D1" s="296"/>
      <c r="E1" s="296"/>
      <c r="F1" s="296"/>
      <c r="G1" s="296"/>
      <c r="H1" s="296"/>
      <c r="I1" s="296"/>
    </row>
    <row r="2" spans="1:12" s="24" customFormat="1" ht="11.25" customHeight="1" x14ac:dyDescent="0.2">
      <c r="A2" s="176"/>
      <c r="F2" s="111"/>
      <c r="I2" s="111"/>
    </row>
    <row r="3" spans="1:12" s="43" customFormat="1" ht="11.25" customHeight="1" x14ac:dyDescent="0.2">
      <c r="A3" s="731" t="s">
        <v>640</v>
      </c>
      <c r="B3" s="731"/>
      <c r="C3" s="731"/>
      <c r="D3" s="731"/>
      <c r="E3" s="731"/>
      <c r="F3" s="731"/>
      <c r="G3" s="731"/>
      <c r="H3" s="731"/>
      <c r="I3" s="731"/>
      <c r="J3" s="42"/>
    </row>
    <row r="4" spans="1:12" s="43" customFormat="1" ht="11.25" customHeight="1" x14ac:dyDescent="0.2">
      <c r="A4" s="731" t="s">
        <v>105</v>
      </c>
      <c r="B4" s="731"/>
      <c r="C4" s="731"/>
      <c r="D4" s="731"/>
      <c r="E4" s="731"/>
      <c r="F4" s="731"/>
      <c r="G4" s="731"/>
      <c r="H4" s="731"/>
      <c r="I4" s="731"/>
      <c r="J4" s="42"/>
    </row>
    <row r="5" spans="1:12" s="43" customFormat="1" ht="11.25" customHeight="1" x14ac:dyDescent="0.2">
      <c r="A5" s="731" t="s">
        <v>127</v>
      </c>
      <c r="B5" s="731"/>
      <c r="C5" s="731"/>
      <c r="D5" s="731"/>
      <c r="E5" s="731"/>
      <c r="F5" s="731"/>
      <c r="G5" s="731"/>
      <c r="H5" s="731"/>
      <c r="I5" s="731"/>
    </row>
    <row r="6" spans="1:12" s="43" customFormat="1" ht="11.25" customHeight="1" x14ac:dyDescent="0.2">
      <c r="A6" s="751" t="s">
        <v>757</v>
      </c>
      <c r="B6" s="751"/>
      <c r="C6" s="751"/>
      <c r="D6" s="751"/>
      <c r="E6" s="751"/>
      <c r="F6" s="751"/>
      <c r="G6" s="751"/>
      <c r="H6" s="751"/>
      <c r="I6" s="751"/>
    </row>
    <row r="7" spans="1:12" s="43" customFormat="1" ht="11.25" customHeight="1" x14ac:dyDescent="0.2">
      <c r="A7" s="731" t="s">
        <v>641</v>
      </c>
      <c r="B7" s="731"/>
      <c r="C7" s="731"/>
      <c r="D7" s="731"/>
      <c r="E7" s="731"/>
      <c r="F7" s="731"/>
      <c r="G7" s="731"/>
      <c r="H7" s="731"/>
      <c r="I7" s="731"/>
    </row>
    <row r="8" spans="1:12" s="24" customFormat="1" ht="11.25" customHeight="1" x14ac:dyDescent="0.2">
      <c r="F8" s="111"/>
      <c r="I8" s="111"/>
    </row>
    <row r="9" spans="1:12" s="24" customFormat="1" ht="11.25" customHeight="1" x14ac:dyDescent="0.2">
      <c r="A9" s="24" t="s">
        <v>366</v>
      </c>
      <c r="F9" s="840"/>
      <c r="G9" s="840"/>
      <c r="I9" s="220">
        <v>1</v>
      </c>
    </row>
    <row r="10" spans="1:12" s="65" customFormat="1" ht="15" customHeight="1" x14ac:dyDescent="0.15">
      <c r="A10" s="783" t="s">
        <v>110</v>
      </c>
      <c r="B10" s="833" t="s">
        <v>108</v>
      </c>
      <c r="C10" s="834"/>
      <c r="D10" s="833" t="s">
        <v>108</v>
      </c>
      <c r="E10" s="834"/>
      <c r="F10" s="829" t="s">
        <v>109</v>
      </c>
      <c r="G10" s="823"/>
      <c r="H10" s="823"/>
      <c r="I10" s="823"/>
    </row>
    <row r="11" spans="1:12" s="65" customFormat="1" ht="15" customHeight="1" x14ac:dyDescent="0.2">
      <c r="A11" s="784"/>
      <c r="B11" s="807" t="s">
        <v>111</v>
      </c>
      <c r="C11" s="787"/>
      <c r="D11" s="809" t="s">
        <v>112</v>
      </c>
      <c r="E11" s="784"/>
      <c r="F11" s="789" t="s">
        <v>115</v>
      </c>
      <c r="G11" s="783"/>
      <c r="H11" s="789" t="s">
        <v>115</v>
      </c>
      <c r="I11" s="790"/>
    </row>
    <row r="12" spans="1:12" s="65" customFormat="1" ht="15" customHeight="1" x14ac:dyDescent="0.2">
      <c r="A12" s="785"/>
      <c r="B12" s="808"/>
      <c r="C12" s="788"/>
      <c r="D12" s="810"/>
      <c r="E12" s="785"/>
      <c r="F12" s="807">
        <v>2015</v>
      </c>
      <c r="G12" s="787"/>
      <c r="H12" s="809">
        <v>2014</v>
      </c>
      <c r="I12" s="811"/>
    </row>
    <row r="13" spans="1:12" ht="10.5" x14ac:dyDescent="0.2">
      <c r="A13" s="155" t="s">
        <v>281</v>
      </c>
      <c r="B13" s="718">
        <v>381570900</v>
      </c>
      <c r="C13" s="719"/>
      <c r="D13" s="718">
        <v>404930912.54000002</v>
      </c>
      <c r="E13" s="719"/>
      <c r="F13" s="718">
        <v>28104614.239999998</v>
      </c>
      <c r="G13" s="719"/>
      <c r="H13" s="718">
        <v>52015243.159999996</v>
      </c>
      <c r="I13" s="837"/>
      <c r="J13" s="197"/>
      <c r="K13" s="197"/>
      <c r="L13" s="197"/>
    </row>
    <row r="14" spans="1:12" ht="10.5" x14ac:dyDescent="0.2">
      <c r="A14" s="155" t="s">
        <v>8</v>
      </c>
      <c r="B14" s="720">
        <v>381570900</v>
      </c>
      <c r="C14" s="721"/>
      <c r="D14" s="720">
        <v>404930912.54000002</v>
      </c>
      <c r="E14" s="721"/>
      <c r="F14" s="720">
        <v>28104614.239999998</v>
      </c>
      <c r="G14" s="721"/>
      <c r="H14" s="720">
        <v>52015243.159999996</v>
      </c>
      <c r="I14" s="838"/>
      <c r="J14" s="197"/>
      <c r="K14" s="197"/>
      <c r="L14" s="197"/>
    </row>
    <row r="15" spans="1:12" ht="10.5" x14ac:dyDescent="0.2">
      <c r="A15" s="175" t="s">
        <v>128</v>
      </c>
      <c r="B15" s="722">
        <v>373750900</v>
      </c>
      <c r="C15" s="723"/>
      <c r="D15" s="722">
        <v>396454783.49000001</v>
      </c>
      <c r="E15" s="723"/>
      <c r="F15" s="722">
        <v>26988517.129999999</v>
      </c>
      <c r="G15" s="723"/>
      <c r="H15" s="722">
        <v>50506097.129999995</v>
      </c>
      <c r="I15" s="815"/>
      <c r="J15" s="197"/>
      <c r="K15" s="197"/>
      <c r="L15" s="197"/>
    </row>
    <row r="16" spans="1:12" ht="10.5" x14ac:dyDescent="0.2">
      <c r="A16" s="175" t="s">
        <v>282</v>
      </c>
      <c r="B16" s="722">
        <v>126921900</v>
      </c>
      <c r="C16" s="723"/>
      <c r="D16" s="722">
        <v>149625783.49000001</v>
      </c>
      <c r="E16" s="723"/>
      <c r="F16" s="722">
        <v>22703883.489999998</v>
      </c>
      <c r="G16" s="723"/>
      <c r="H16" s="722">
        <v>42727018.149999999</v>
      </c>
      <c r="I16" s="815"/>
      <c r="J16" s="197"/>
      <c r="K16" s="197"/>
      <c r="L16" s="197"/>
    </row>
    <row r="17" spans="1:12" ht="10.5" x14ac:dyDescent="0.2">
      <c r="A17" s="175" t="s">
        <v>129</v>
      </c>
      <c r="B17" s="722">
        <v>0</v>
      </c>
      <c r="C17" s="723"/>
      <c r="D17" s="722">
        <v>22703883.489999998</v>
      </c>
      <c r="E17" s="723"/>
      <c r="F17" s="722">
        <v>22703883.489999998</v>
      </c>
      <c r="G17" s="723"/>
      <c r="H17" s="722">
        <v>34195367.609999999</v>
      </c>
      <c r="I17" s="815"/>
      <c r="J17" s="197"/>
      <c r="K17" s="197"/>
      <c r="L17" s="197"/>
    </row>
    <row r="18" spans="1:12" ht="10.5" x14ac:dyDescent="0.2">
      <c r="A18" s="175" t="s">
        <v>130</v>
      </c>
      <c r="B18" s="722">
        <v>86921900</v>
      </c>
      <c r="C18" s="723"/>
      <c r="D18" s="722">
        <v>86921900</v>
      </c>
      <c r="E18" s="723"/>
      <c r="F18" s="722">
        <v>0</v>
      </c>
      <c r="G18" s="723"/>
      <c r="H18" s="722">
        <v>6827958.1399999997</v>
      </c>
      <c r="I18" s="815"/>
      <c r="J18" s="197"/>
      <c r="K18" s="197"/>
      <c r="L18" s="197"/>
    </row>
    <row r="19" spans="1:12" ht="10.5" x14ac:dyDescent="0.2">
      <c r="A19" s="175" t="s">
        <v>131</v>
      </c>
      <c r="B19" s="722">
        <v>40000000</v>
      </c>
      <c r="C19" s="723"/>
      <c r="D19" s="722">
        <v>40000000</v>
      </c>
      <c r="E19" s="723"/>
      <c r="F19" s="722">
        <v>0</v>
      </c>
      <c r="G19" s="723"/>
      <c r="H19" s="722">
        <v>1703692.4</v>
      </c>
      <c r="I19" s="815"/>
      <c r="J19" s="197"/>
      <c r="K19" s="197"/>
      <c r="L19" s="197"/>
    </row>
    <row r="20" spans="1:12" ht="10.5" x14ac:dyDescent="0.2">
      <c r="A20" s="175" t="s">
        <v>283</v>
      </c>
      <c r="B20" s="722">
        <v>246829000</v>
      </c>
      <c r="C20" s="723"/>
      <c r="D20" s="722">
        <v>246829000</v>
      </c>
      <c r="E20" s="723"/>
      <c r="F20" s="722">
        <v>4284633.6399999997</v>
      </c>
      <c r="G20" s="723"/>
      <c r="H20" s="722">
        <v>7779078.9800000004</v>
      </c>
      <c r="I20" s="815"/>
      <c r="J20" s="197"/>
      <c r="K20" s="197"/>
      <c r="L20" s="197"/>
    </row>
    <row r="21" spans="1:12" ht="10.5" x14ac:dyDescent="0.2">
      <c r="A21" s="175" t="s">
        <v>132</v>
      </c>
      <c r="B21" s="722">
        <v>170000000</v>
      </c>
      <c r="C21" s="723"/>
      <c r="D21" s="722">
        <v>170000000</v>
      </c>
      <c r="E21" s="723"/>
      <c r="F21" s="722">
        <v>4284633.6399999997</v>
      </c>
      <c r="G21" s="723"/>
      <c r="H21" s="722">
        <v>6489795.7800000003</v>
      </c>
      <c r="I21" s="815"/>
      <c r="J21" s="197"/>
      <c r="K21" s="197"/>
      <c r="L21" s="197"/>
    </row>
    <row r="22" spans="1:12" ht="10.5" x14ac:dyDescent="0.2">
      <c r="A22" s="175" t="s">
        <v>133</v>
      </c>
      <c r="B22" s="722">
        <v>50000000</v>
      </c>
      <c r="C22" s="723"/>
      <c r="D22" s="722">
        <v>50000000</v>
      </c>
      <c r="E22" s="723"/>
      <c r="F22" s="722">
        <v>0</v>
      </c>
      <c r="G22" s="723"/>
      <c r="H22" s="722">
        <v>1246356.27</v>
      </c>
      <c r="I22" s="815"/>
      <c r="J22" s="197"/>
      <c r="K22" s="197"/>
      <c r="L22" s="197"/>
    </row>
    <row r="23" spans="1:12" ht="10.5" x14ac:dyDescent="0.2">
      <c r="A23" s="175" t="s">
        <v>758</v>
      </c>
      <c r="B23" s="722">
        <v>26829000</v>
      </c>
      <c r="C23" s="723"/>
      <c r="D23" s="722">
        <v>26829000</v>
      </c>
      <c r="E23" s="723"/>
      <c r="F23" s="722">
        <v>0</v>
      </c>
      <c r="G23" s="723"/>
      <c r="H23" s="722">
        <v>42926.93</v>
      </c>
      <c r="I23" s="815"/>
      <c r="J23" s="197"/>
      <c r="K23" s="197"/>
      <c r="L23" s="197"/>
    </row>
    <row r="24" spans="1:12" ht="10.5" x14ac:dyDescent="0.2">
      <c r="A24" s="175" t="s">
        <v>155</v>
      </c>
      <c r="B24" s="722">
        <v>0</v>
      </c>
      <c r="C24" s="723"/>
      <c r="D24" s="722">
        <v>319006.75</v>
      </c>
      <c r="E24" s="723"/>
      <c r="F24" s="722">
        <v>319006.75</v>
      </c>
      <c r="G24" s="723"/>
      <c r="H24" s="722">
        <v>128459.5</v>
      </c>
      <c r="I24" s="815"/>
      <c r="J24" s="197"/>
      <c r="K24" s="197"/>
      <c r="L24" s="197"/>
    </row>
    <row r="25" spans="1:12" ht="10.5" x14ac:dyDescent="0.2">
      <c r="A25" s="175" t="s">
        <v>311</v>
      </c>
      <c r="B25" s="722">
        <v>0</v>
      </c>
      <c r="C25" s="723"/>
      <c r="D25" s="722">
        <v>59855.49</v>
      </c>
      <c r="E25" s="723"/>
      <c r="F25" s="722">
        <v>59855.49</v>
      </c>
      <c r="G25" s="723"/>
      <c r="H25" s="722">
        <v>15333.29</v>
      </c>
      <c r="I25" s="815"/>
      <c r="J25" s="197"/>
      <c r="K25" s="197"/>
      <c r="L25" s="197"/>
    </row>
    <row r="26" spans="1:12" ht="10.5" x14ac:dyDescent="0.2">
      <c r="A26" s="175" t="s">
        <v>16</v>
      </c>
      <c r="B26" s="722">
        <v>0</v>
      </c>
      <c r="C26" s="723"/>
      <c r="D26" s="722">
        <v>2061.4699999999998</v>
      </c>
      <c r="E26" s="723"/>
      <c r="F26" s="722">
        <v>2061.4699999999998</v>
      </c>
      <c r="G26" s="723"/>
      <c r="H26" s="722">
        <v>1320</v>
      </c>
      <c r="I26" s="815"/>
      <c r="J26" s="197"/>
      <c r="K26" s="197"/>
      <c r="L26" s="197"/>
    </row>
    <row r="27" spans="1:12" ht="10.5" x14ac:dyDescent="0.2">
      <c r="A27" s="175" t="s">
        <v>17</v>
      </c>
      <c r="B27" s="722">
        <v>0</v>
      </c>
      <c r="C27" s="723"/>
      <c r="D27" s="722">
        <v>57794.02</v>
      </c>
      <c r="E27" s="723"/>
      <c r="F27" s="722">
        <v>57794.02</v>
      </c>
      <c r="G27" s="723"/>
      <c r="H27" s="722">
        <v>14013.29</v>
      </c>
      <c r="I27" s="815"/>
      <c r="J27" s="197"/>
      <c r="K27" s="197"/>
      <c r="L27" s="197"/>
    </row>
    <row r="28" spans="1:12" ht="10.5" x14ac:dyDescent="0.2">
      <c r="A28" s="175" t="s">
        <v>19</v>
      </c>
      <c r="B28" s="722">
        <v>0</v>
      </c>
      <c r="C28" s="723"/>
      <c r="D28" s="722">
        <v>0</v>
      </c>
      <c r="E28" s="723"/>
      <c r="F28" s="722">
        <v>0</v>
      </c>
      <c r="G28" s="723"/>
      <c r="H28" s="722">
        <v>0</v>
      </c>
      <c r="I28" s="815"/>
      <c r="J28" s="197"/>
      <c r="K28" s="197"/>
      <c r="L28" s="197"/>
    </row>
    <row r="29" spans="1:12" ht="10.5" x14ac:dyDescent="0.2">
      <c r="A29" s="175" t="s">
        <v>227</v>
      </c>
      <c r="B29" s="722">
        <v>0</v>
      </c>
      <c r="C29" s="723"/>
      <c r="D29" s="722">
        <v>0</v>
      </c>
      <c r="E29" s="723"/>
      <c r="F29" s="722">
        <v>0</v>
      </c>
      <c r="G29" s="723"/>
      <c r="H29" s="722">
        <v>0</v>
      </c>
      <c r="I29" s="815"/>
      <c r="J29" s="197"/>
      <c r="K29" s="197"/>
      <c r="L29" s="197"/>
    </row>
    <row r="30" spans="1:12" ht="10.5" x14ac:dyDescent="0.2">
      <c r="A30" s="53" t="s">
        <v>284</v>
      </c>
      <c r="B30" s="722">
        <v>7820000</v>
      </c>
      <c r="C30" s="723"/>
      <c r="D30" s="722">
        <v>8097266.8099999996</v>
      </c>
      <c r="E30" s="723"/>
      <c r="F30" s="722">
        <v>737234.87</v>
      </c>
      <c r="G30" s="723"/>
      <c r="H30" s="722">
        <v>1365353.24</v>
      </c>
      <c r="I30" s="815"/>
      <c r="J30" s="197"/>
      <c r="K30" s="197"/>
      <c r="L30" s="197"/>
    </row>
    <row r="31" spans="1:12" ht="10.5" x14ac:dyDescent="0.2">
      <c r="A31" s="121" t="s">
        <v>544</v>
      </c>
      <c r="B31" s="722">
        <v>7820000</v>
      </c>
      <c r="C31" s="723"/>
      <c r="D31" s="722">
        <v>7820000</v>
      </c>
      <c r="E31" s="723"/>
      <c r="F31" s="722">
        <v>459968.06</v>
      </c>
      <c r="G31" s="723"/>
      <c r="H31" s="722">
        <v>1214385.73</v>
      </c>
      <c r="I31" s="815"/>
      <c r="J31" s="197"/>
      <c r="K31" s="197"/>
      <c r="L31" s="197"/>
    </row>
    <row r="32" spans="1:12" ht="10.5" x14ac:dyDescent="0.2">
      <c r="A32" s="121" t="s">
        <v>545</v>
      </c>
      <c r="B32" s="722">
        <v>0</v>
      </c>
      <c r="C32" s="723"/>
      <c r="D32" s="722">
        <v>277266.81</v>
      </c>
      <c r="E32" s="723"/>
      <c r="F32" s="722">
        <v>277266.81</v>
      </c>
      <c r="G32" s="723"/>
      <c r="H32" s="722">
        <v>150967.51</v>
      </c>
      <c r="I32" s="815"/>
      <c r="J32" s="197"/>
      <c r="K32" s="197"/>
      <c r="L32" s="197"/>
    </row>
    <row r="33" spans="1:12" ht="10.5" x14ac:dyDescent="0.2">
      <c r="A33" s="156" t="s">
        <v>40</v>
      </c>
      <c r="B33" s="722">
        <v>0</v>
      </c>
      <c r="C33" s="723"/>
      <c r="D33" s="722">
        <v>0</v>
      </c>
      <c r="E33" s="723"/>
      <c r="F33" s="722">
        <v>0</v>
      </c>
      <c r="G33" s="723"/>
      <c r="H33" s="722">
        <v>0</v>
      </c>
      <c r="I33" s="815"/>
      <c r="J33" s="197"/>
      <c r="K33" s="197"/>
      <c r="L33" s="197"/>
    </row>
    <row r="34" spans="1:12" ht="10.5" x14ac:dyDescent="0.2">
      <c r="A34" s="121" t="s">
        <v>120</v>
      </c>
      <c r="B34" s="722">
        <v>0</v>
      </c>
      <c r="C34" s="723"/>
      <c r="D34" s="722">
        <v>0</v>
      </c>
      <c r="E34" s="723"/>
      <c r="F34" s="722">
        <v>0</v>
      </c>
      <c r="G34" s="723"/>
      <c r="H34" s="722">
        <v>0</v>
      </c>
      <c r="I34" s="815"/>
      <c r="J34" s="197"/>
      <c r="K34" s="197"/>
      <c r="L34" s="197"/>
    </row>
    <row r="35" spans="1:12" ht="10.5" x14ac:dyDescent="0.2">
      <c r="A35" s="175" t="s">
        <v>228</v>
      </c>
      <c r="B35" s="722">
        <v>0</v>
      </c>
      <c r="C35" s="723"/>
      <c r="D35" s="722">
        <v>0</v>
      </c>
      <c r="E35" s="723"/>
      <c r="F35" s="722">
        <v>0</v>
      </c>
      <c r="G35" s="723"/>
      <c r="H35" s="722">
        <v>0</v>
      </c>
      <c r="I35" s="815"/>
      <c r="J35" s="197"/>
      <c r="K35" s="197"/>
      <c r="L35" s="197"/>
    </row>
    <row r="36" spans="1:12" ht="10.5" x14ac:dyDescent="0.2">
      <c r="A36" s="121" t="s">
        <v>285</v>
      </c>
      <c r="B36" s="722">
        <v>0</v>
      </c>
      <c r="C36" s="723"/>
      <c r="D36" s="722">
        <v>0</v>
      </c>
      <c r="E36" s="723"/>
      <c r="F36" s="722">
        <v>0</v>
      </c>
      <c r="G36" s="723"/>
      <c r="H36" s="722">
        <v>0</v>
      </c>
      <c r="I36" s="815"/>
      <c r="J36" s="197"/>
      <c r="K36" s="197"/>
      <c r="L36" s="197"/>
    </row>
    <row r="37" spans="1:12" s="65" customFormat="1" ht="10.5" x14ac:dyDescent="0.2">
      <c r="B37" s="722"/>
      <c r="C37" s="723"/>
      <c r="D37" s="722"/>
      <c r="E37" s="723"/>
      <c r="F37" s="722"/>
      <c r="G37" s="723"/>
      <c r="H37" s="722"/>
      <c r="I37" s="815"/>
      <c r="J37" s="198"/>
      <c r="K37" s="357"/>
      <c r="L37" s="197"/>
    </row>
    <row r="38" spans="1:12" ht="15" customHeight="1" x14ac:dyDescent="0.2">
      <c r="A38" s="157" t="s">
        <v>546</v>
      </c>
      <c r="B38" s="749">
        <v>914247000</v>
      </c>
      <c r="C38" s="750"/>
      <c r="D38" s="749">
        <v>914247000</v>
      </c>
      <c r="E38" s="750"/>
      <c r="F38" s="749">
        <v>51173628.109999999</v>
      </c>
      <c r="G38" s="750"/>
      <c r="H38" s="749">
        <v>90485338.510000005</v>
      </c>
      <c r="I38" s="839"/>
      <c r="J38" s="197"/>
      <c r="K38" s="197"/>
      <c r="L38" s="197"/>
    </row>
    <row r="39" spans="1:12" ht="15" customHeight="1" x14ac:dyDescent="0.2">
      <c r="A39" s="122" t="s">
        <v>778</v>
      </c>
      <c r="B39" s="703">
        <v>1295817900</v>
      </c>
      <c r="C39" s="704"/>
      <c r="D39" s="703">
        <v>1319177912.54</v>
      </c>
      <c r="E39" s="704"/>
      <c r="F39" s="703">
        <v>79278242.349999994</v>
      </c>
      <c r="G39" s="704"/>
      <c r="H39" s="703">
        <v>142500581.67000002</v>
      </c>
      <c r="I39" s="816"/>
      <c r="J39" s="197"/>
      <c r="K39" s="197"/>
      <c r="L39" s="197"/>
    </row>
    <row r="40" spans="1:12" ht="5.0999999999999996" customHeight="1" x14ac:dyDescent="0.2">
      <c r="A40" s="123"/>
      <c r="B40" s="120"/>
      <c r="C40" s="120"/>
      <c r="D40" s="15"/>
      <c r="E40" s="120"/>
      <c r="F40" s="73"/>
      <c r="G40" s="73"/>
      <c r="H40" s="23"/>
      <c r="I40" s="23"/>
    </row>
    <row r="41" spans="1:12" s="65" customFormat="1" ht="24" customHeight="1" x14ac:dyDescent="0.15">
      <c r="A41" s="783" t="s">
        <v>160</v>
      </c>
      <c r="B41" s="195" t="s">
        <v>157</v>
      </c>
      <c r="C41" s="195" t="s">
        <v>157</v>
      </c>
      <c r="D41" s="740" t="s">
        <v>158</v>
      </c>
      <c r="E41" s="742"/>
      <c r="F41" s="776" t="s">
        <v>159</v>
      </c>
      <c r="G41" s="778"/>
      <c r="H41" s="776" t="s">
        <v>347</v>
      </c>
      <c r="I41" s="777"/>
    </row>
    <row r="42" spans="1:12" s="65" customFormat="1" ht="15" customHeight="1" x14ac:dyDescent="0.2">
      <c r="A42" s="784"/>
      <c r="B42" s="841" t="s">
        <v>111</v>
      </c>
      <c r="C42" s="841" t="s">
        <v>112</v>
      </c>
      <c r="D42" s="168" t="s">
        <v>115</v>
      </c>
      <c r="E42" s="168" t="s">
        <v>115</v>
      </c>
      <c r="F42" s="168" t="s">
        <v>115</v>
      </c>
      <c r="G42" s="168" t="s">
        <v>115</v>
      </c>
      <c r="H42" s="835" t="s">
        <v>755</v>
      </c>
      <c r="I42" s="829" t="s">
        <v>756</v>
      </c>
      <c r="J42" s="155"/>
    </row>
    <row r="43" spans="1:12" s="65" customFormat="1" ht="15" customHeight="1" x14ac:dyDescent="0.2">
      <c r="A43" s="785"/>
      <c r="B43" s="780"/>
      <c r="C43" s="780"/>
      <c r="D43" s="169">
        <v>2015</v>
      </c>
      <c r="E43" s="170">
        <v>2014</v>
      </c>
      <c r="F43" s="169">
        <v>2015</v>
      </c>
      <c r="G43" s="170">
        <v>2014</v>
      </c>
      <c r="H43" s="836"/>
      <c r="I43" s="808"/>
      <c r="J43" s="155"/>
    </row>
    <row r="44" spans="1:12" ht="10.5" x14ac:dyDescent="0.15">
      <c r="A44" s="158" t="s">
        <v>134</v>
      </c>
      <c r="B44" s="529">
        <v>1545787900</v>
      </c>
      <c r="C44" s="529">
        <v>1545770512.98</v>
      </c>
      <c r="D44" s="529">
        <v>343666256.31999999</v>
      </c>
      <c r="E44" s="557">
        <v>250685122.34</v>
      </c>
      <c r="F44" s="529">
        <v>159369634.88000003</v>
      </c>
      <c r="G44" s="529">
        <v>248549486.03</v>
      </c>
      <c r="H44" s="558">
        <v>0</v>
      </c>
      <c r="I44" s="559">
        <v>0</v>
      </c>
      <c r="J44" s="210"/>
    </row>
    <row r="45" spans="1:12" ht="10.5" x14ac:dyDescent="0.15">
      <c r="A45" s="65" t="s">
        <v>280</v>
      </c>
      <c r="B45" s="527">
        <v>3171000</v>
      </c>
      <c r="C45" s="527">
        <v>2249212.98</v>
      </c>
      <c r="D45" s="524">
        <v>215807</v>
      </c>
      <c r="E45" s="560">
        <v>235718.34</v>
      </c>
      <c r="F45" s="524">
        <v>83026.84</v>
      </c>
      <c r="G45" s="524">
        <v>221247.39</v>
      </c>
      <c r="H45" s="561">
        <v>0</v>
      </c>
      <c r="I45" s="559">
        <v>0</v>
      </c>
      <c r="J45" s="210"/>
    </row>
    <row r="46" spans="1:12" ht="10.5" x14ac:dyDescent="0.15">
      <c r="A46" s="24" t="s">
        <v>286</v>
      </c>
      <c r="B46" s="524">
        <v>2727700</v>
      </c>
      <c r="C46" s="524">
        <v>1805912.98</v>
      </c>
      <c r="D46" s="524">
        <v>215807</v>
      </c>
      <c r="E46" s="560">
        <v>227507.34</v>
      </c>
      <c r="F46" s="524">
        <v>83026.84</v>
      </c>
      <c r="G46" s="524">
        <v>221247.39</v>
      </c>
      <c r="H46" s="561">
        <v>0</v>
      </c>
      <c r="I46" s="559"/>
      <c r="J46" s="210"/>
    </row>
    <row r="47" spans="1:12" ht="10.5" x14ac:dyDescent="0.15">
      <c r="A47" s="24" t="s">
        <v>287</v>
      </c>
      <c r="B47" s="524">
        <v>443300</v>
      </c>
      <c r="C47" s="524">
        <v>443300</v>
      </c>
      <c r="D47" s="524">
        <v>0</v>
      </c>
      <c r="E47" s="560">
        <v>8211</v>
      </c>
      <c r="F47" s="524">
        <v>0</v>
      </c>
      <c r="G47" s="524">
        <v>0</v>
      </c>
      <c r="H47" s="561">
        <v>0</v>
      </c>
      <c r="I47" s="559">
        <v>0</v>
      </c>
      <c r="J47" s="210"/>
    </row>
    <row r="48" spans="1:12" ht="10.5" x14ac:dyDescent="0.15">
      <c r="A48" s="296" t="s">
        <v>135</v>
      </c>
      <c r="B48" s="527">
        <v>1542616900</v>
      </c>
      <c r="C48" s="527">
        <v>1543521300</v>
      </c>
      <c r="D48" s="527">
        <v>343450449.31999999</v>
      </c>
      <c r="E48" s="562">
        <v>250449404</v>
      </c>
      <c r="F48" s="527">
        <v>159286608.04000002</v>
      </c>
      <c r="G48" s="527">
        <v>248328238.64000002</v>
      </c>
      <c r="H48" s="563">
        <v>0</v>
      </c>
      <c r="I48" s="564">
        <v>0</v>
      </c>
      <c r="J48" s="210"/>
    </row>
    <row r="49" spans="1:10" ht="10.5" x14ac:dyDescent="0.15">
      <c r="A49" s="24" t="s">
        <v>201</v>
      </c>
      <c r="B49" s="524">
        <v>1497784900</v>
      </c>
      <c r="C49" s="524">
        <v>1486135723</v>
      </c>
      <c r="D49" s="524">
        <v>286081872.31999999</v>
      </c>
      <c r="E49" s="560">
        <v>215669799</v>
      </c>
      <c r="F49" s="524">
        <v>126827109.74000001</v>
      </c>
      <c r="G49" s="524">
        <v>213708889.64000002</v>
      </c>
      <c r="H49" s="561">
        <v>0</v>
      </c>
      <c r="I49" s="559">
        <v>0</v>
      </c>
      <c r="J49" s="210"/>
    </row>
    <row r="50" spans="1:10" ht="10.5" x14ac:dyDescent="0.15">
      <c r="A50" s="24" t="s">
        <v>288</v>
      </c>
      <c r="B50" s="524">
        <v>1251676900</v>
      </c>
      <c r="C50" s="524">
        <v>1439940915.45</v>
      </c>
      <c r="D50" s="524">
        <v>239887064.77000001</v>
      </c>
      <c r="E50" s="560">
        <v>177485700</v>
      </c>
      <c r="F50" s="524">
        <v>106554259.13000001</v>
      </c>
      <c r="G50" s="524">
        <v>175977268.27000001</v>
      </c>
      <c r="H50" s="561">
        <v>0</v>
      </c>
      <c r="I50" s="559">
        <v>0</v>
      </c>
      <c r="J50" s="210"/>
    </row>
    <row r="51" spans="1:10" ht="10.5" x14ac:dyDescent="0.15">
      <c r="A51" s="24" t="s">
        <v>289</v>
      </c>
      <c r="B51" s="524">
        <v>240216000</v>
      </c>
      <c r="C51" s="524">
        <v>43939935</v>
      </c>
      <c r="D51" s="524">
        <v>43939935</v>
      </c>
      <c r="E51" s="560">
        <v>35762422</v>
      </c>
      <c r="F51" s="524">
        <v>19217038.02</v>
      </c>
      <c r="G51" s="524">
        <v>35507234.509999998</v>
      </c>
      <c r="H51" s="561">
        <v>0</v>
      </c>
      <c r="I51" s="559">
        <v>0</v>
      </c>
      <c r="J51" s="210"/>
    </row>
    <row r="52" spans="1:10" s="190" customFormat="1" ht="10.5" x14ac:dyDescent="0.15">
      <c r="A52" s="24" t="s">
        <v>290</v>
      </c>
      <c r="B52" s="565">
        <v>5892000</v>
      </c>
      <c r="C52" s="661">
        <v>2254872.5499999998</v>
      </c>
      <c r="D52" s="642">
        <v>2254872.5499999998</v>
      </c>
      <c r="E52" s="560">
        <v>2421677</v>
      </c>
      <c r="F52" s="642">
        <v>1055812.5900000001</v>
      </c>
      <c r="G52" s="642">
        <v>2224386.86</v>
      </c>
      <c r="H52" s="566">
        <v>0</v>
      </c>
      <c r="I52" s="567">
        <v>0</v>
      </c>
      <c r="J52" s="360"/>
    </row>
    <row r="53" spans="1:10" s="190" customFormat="1" ht="10.5" x14ac:dyDescent="0.15">
      <c r="A53" s="24" t="s">
        <v>202</v>
      </c>
      <c r="B53" s="546">
        <v>44580000</v>
      </c>
      <c r="C53" s="661">
        <v>56905577</v>
      </c>
      <c r="D53" s="642">
        <v>56905577</v>
      </c>
      <c r="E53" s="560">
        <v>34779605</v>
      </c>
      <c r="F53" s="642">
        <v>31998484.689999998</v>
      </c>
      <c r="G53" s="642">
        <v>34619349</v>
      </c>
      <c r="H53" s="568">
        <v>0</v>
      </c>
      <c r="I53" s="567">
        <v>0</v>
      </c>
      <c r="J53" s="360"/>
    </row>
    <row r="54" spans="1:10" s="190" customFormat="1" ht="10.5" x14ac:dyDescent="0.15">
      <c r="A54" s="24" t="s">
        <v>291</v>
      </c>
      <c r="B54" s="565">
        <v>780000</v>
      </c>
      <c r="C54" s="661">
        <v>50538463</v>
      </c>
      <c r="D54" s="642">
        <v>50538463</v>
      </c>
      <c r="E54" s="560">
        <v>32110065</v>
      </c>
      <c r="F54" s="642">
        <v>26277038.93</v>
      </c>
      <c r="G54" s="642">
        <v>31962638.449999999</v>
      </c>
      <c r="H54" s="568">
        <v>0</v>
      </c>
      <c r="I54" s="567">
        <v>0</v>
      </c>
      <c r="J54" s="360"/>
    </row>
    <row r="55" spans="1:10" s="190" customFormat="1" ht="10.5" x14ac:dyDescent="0.15">
      <c r="A55" s="24" t="s">
        <v>289</v>
      </c>
      <c r="B55" s="565">
        <v>33600000</v>
      </c>
      <c r="C55" s="661">
        <v>6195671</v>
      </c>
      <c r="D55" s="642">
        <v>6195671</v>
      </c>
      <c r="E55" s="560">
        <v>2669540</v>
      </c>
      <c r="F55" s="642">
        <v>5633003.9699999997</v>
      </c>
      <c r="G55" s="642">
        <v>2656710.5499999998</v>
      </c>
      <c r="H55" s="568">
        <v>0</v>
      </c>
      <c r="I55" s="567">
        <v>0</v>
      </c>
      <c r="J55" s="360"/>
    </row>
    <row r="56" spans="1:10" s="190" customFormat="1" ht="10.5" x14ac:dyDescent="0.15">
      <c r="A56" s="24" t="s">
        <v>290</v>
      </c>
      <c r="B56" s="565">
        <v>10200000</v>
      </c>
      <c r="C56" s="661">
        <v>171443</v>
      </c>
      <c r="D56" s="642">
        <v>171443</v>
      </c>
      <c r="E56" s="560">
        <v>0</v>
      </c>
      <c r="F56" s="642">
        <v>88441.79</v>
      </c>
      <c r="G56" s="642">
        <v>0</v>
      </c>
      <c r="H56" s="568">
        <v>0</v>
      </c>
      <c r="I56" s="567">
        <v>0</v>
      </c>
      <c r="J56" s="360"/>
    </row>
    <row r="57" spans="1:10" s="190" customFormat="1" ht="10.5" x14ac:dyDescent="0.15">
      <c r="A57" s="24" t="s">
        <v>292</v>
      </c>
      <c r="B57" s="546">
        <v>252000</v>
      </c>
      <c r="C57" s="641">
        <v>480000</v>
      </c>
      <c r="D57" s="641">
        <v>463000</v>
      </c>
      <c r="E57" s="560">
        <v>0</v>
      </c>
      <c r="F57" s="641">
        <v>461013.61</v>
      </c>
      <c r="G57" s="641">
        <v>0</v>
      </c>
      <c r="H57" s="644">
        <v>0</v>
      </c>
      <c r="I57" s="645">
        <v>0</v>
      </c>
      <c r="J57" s="360"/>
    </row>
    <row r="58" spans="1:10" s="190" customFormat="1" ht="10.5" x14ac:dyDescent="0.15">
      <c r="A58" s="24" t="s">
        <v>229</v>
      </c>
      <c r="B58" s="565">
        <v>0</v>
      </c>
      <c r="C58" s="661">
        <v>0</v>
      </c>
      <c r="D58" s="642">
        <v>463000</v>
      </c>
      <c r="E58" s="560">
        <v>0</v>
      </c>
      <c r="F58" s="642">
        <v>461013.61</v>
      </c>
      <c r="G58" s="642">
        <v>0</v>
      </c>
      <c r="H58" s="568">
        <v>0</v>
      </c>
      <c r="I58" s="567">
        <v>0</v>
      </c>
      <c r="J58" s="360"/>
    </row>
    <row r="59" spans="1:10" s="190" customFormat="1" ht="10.5" x14ac:dyDescent="0.15">
      <c r="A59" s="24" t="s">
        <v>60</v>
      </c>
      <c r="B59" s="565">
        <v>252000</v>
      </c>
      <c r="C59" s="661">
        <v>480000</v>
      </c>
      <c r="D59" s="642">
        <v>0</v>
      </c>
      <c r="E59" s="560">
        <v>0</v>
      </c>
      <c r="F59" s="642">
        <v>0</v>
      </c>
      <c r="G59" s="642">
        <v>0</v>
      </c>
      <c r="H59" s="568">
        <v>0</v>
      </c>
      <c r="I59" s="567">
        <v>0</v>
      </c>
      <c r="J59" s="360"/>
    </row>
    <row r="60" spans="1:10" ht="15" customHeight="1" x14ac:dyDescent="0.15">
      <c r="A60" s="337" t="s">
        <v>547</v>
      </c>
      <c r="B60" s="569">
        <v>30000</v>
      </c>
      <c r="C60" s="643">
        <v>30000</v>
      </c>
      <c r="D60" s="643">
        <v>0</v>
      </c>
      <c r="E60" s="560">
        <v>0</v>
      </c>
      <c r="F60" s="643">
        <v>0</v>
      </c>
      <c r="G60" s="643">
        <v>0</v>
      </c>
      <c r="H60" s="646">
        <v>0</v>
      </c>
      <c r="I60" s="647">
        <v>0</v>
      </c>
      <c r="J60" s="210"/>
    </row>
    <row r="61" spans="1:10" ht="20.100000000000001" customHeight="1" x14ac:dyDescent="0.2">
      <c r="A61" s="25" t="s">
        <v>759</v>
      </c>
      <c r="B61" s="364">
        <v>1545817900</v>
      </c>
      <c r="C61" s="364">
        <v>1545800512.98</v>
      </c>
      <c r="D61" s="364">
        <v>343666256.31999999</v>
      </c>
      <c r="E61" s="658">
        <v>250685122.34</v>
      </c>
      <c r="F61" s="364">
        <v>159369634.88000003</v>
      </c>
      <c r="G61" s="364">
        <v>248549486.03</v>
      </c>
      <c r="H61" s="570">
        <v>0</v>
      </c>
      <c r="I61" s="659">
        <v>0</v>
      </c>
      <c r="J61" s="210"/>
    </row>
    <row r="62" spans="1:10" ht="5.0999999999999996" customHeight="1" x14ac:dyDescent="0.2">
      <c r="A62" s="125"/>
      <c r="B62" s="454"/>
      <c r="C62" s="454"/>
      <c r="D62" s="454"/>
      <c r="E62" s="454"/>
      <c r="F62" s="571"/>
      <c r="G62" s="571"/>
      <c r="H62" s="571"/>
      <c r="I62" s="571"/>
    </row>
    <row r="63" spans="1:10" ht="20.100000000000001" customHeight="1" x14ac:dyDescent="0.2">
      <c r="A63" s="25" t="s">
        <v>548</v>
      </c>
      <c r="B63" s="364">
        <v>-250000000</v>
      </c>
      <c r="C63" s="364">
        <v>-226622600.44000006</v>
      </c>
      <c r="D63" s="364"/>
      <c r="E63" s="364"/>
      <c r="F63" s="364">
        <v>-80091392.530000031</v>
      </c>
      <c r="G63" s="364">
        <v>-106048904.35999998</v>
      </c>
      <c r="H63" s="364"/>
      <c r="I63" s="365"/>
    </row>
    <row r="64" spans="1:10" ht="5.0999999999999996" customHeight="1" x14ac:dyDescent="0.2">
      <c r="A64" s="29"/>
      <c r="B64" s="26"/>
      <c r="C64" s="26"/>
      <c r="D64" s="26"/>
      <c r="E64" s="26"/>
      <c r="G64" s="174"/>
      <c r="H64" s="174"/>
    </row>
    <row r="65" spans="1:11" s="65" customFormat="1" ht="15" customHeight="1" x14ac:dyDescent="0.15">
      <c r="A65" s="786" t="s">
        <v>549</v>
      </c>
      <c r="B65" s="833" t="s">
        <v>108</v>
      </c>
      <c r="C65" s="834"/>
      <c r="D65" s="833" t="s">
        <v>108</v>
      </c>
      <c r="E65" s="834"/>
      <c r="F65" s="829" t="s">
        <v>109</v>
      </c>
      <c r="G65" s="823"/>
      <c r="H65" s="823"/>
      <c r="I65" s="823"/>
    </row>
    <row r="66" spans="1:11" s="65" customFormat="1" ht="10.5" x14ac:dyDescent="0.2">
      <c r="A66" s="787"/>
      <c r="B66" s="807" t="s">
        <v>111</v>
      </c>
      <c r="C66" s="787"/>
      <c r="D66" s="809" t="s">
        <v>112</v>
      </c>
      <c r="E66" s="784"/>
      <c r="F66" s="789" t="s">
        <v>115</v>
      </c>
      <c r="G66" s="783"/>
      <c r="H66" s="789" t="s">
        <v>115</v>
      </c>
      <c r="I66" s="790"/>
    </row>
    <row r="67" spans="1:11" s="65" customFormat="1" ht="10.5" x14ac:dyDescent="0.2">
      <c r="A67" s="788"/>
      <c r="B67" s="808"/>
      <c r="C67" s="788"/>
      <c r="D67" s="810"/>
      <c r="E67" s="785"/>
      <c r="F67" s="807">
        <v>2015</v>
      </c>
      <c r="G67" s="787"/>
      <c r="H67" s="809">
        <v>2014</v>
      </c>
      <c r="I67" s="811"/>
    </row>
    <row r="68" spans="1:11" ht="10.5" x14ac:dyDescent="0.2">
      <c r="A68" s="159" t="s">
        <v>136</v>
      </c>
      <c r="B68" s="805">
        <v>250000000</v>
      </c>
      <c r="C68" s="806"/>
      <c r="D68" s="805">
        <v>265862834.65000001</v>
      </c>
      <c r="E68" s="806"/>
      <c r="F68" s="812">
        <v>38597518.719999999</v>
      </c>
      <c r="G68" s="813">
        <v>0</v>
      </c>
      <c r="H68" s="805">
        <v>121027727.51000001</v>
      </c>
      <c r="I68" s="814"/>
      <c r="J68" s="197"/>
      <c r="K68" s="197"/>
    </row>
    <row r="69" spans="1:11" ht="10.5" x14ac:dyDescent="0.2">
      <c r="A69" s="159" t="s">
        <v>137</v>
      </c>
      <c r="B69" s="799">
        <v>250000000</v>
      </c>
      <c r="C69" s="803"/>
      <c r="D69" s="799">
        <v>265862834.65000001</v>
      </c>
      <c r="E69" s="803"/>
      <c r="F69" s="795">
        <v>38597518.719999999</v>
      </c>
      <c r="G69" s="796"/>
      <c r="H69" s="799">
        <v>121027727.51000001</v>
      </c>
      <c r="I69" s="800"/>
      <c r="J69" s="197"/>
      <c r="K69" s="197"/>
    </row>
    <row r="70" spans="1:11" ht="10.5" x14ac:dyDescent="0.2">
      <c r="A70" s="117" t="s">
        <v>138</v>
      </c>
      <c r="B70" s="799">
        <v>250000000</v>
      </c>
      <c r="C70" s="803"/>
      <c r="D70" s="799">
        <v>250000000</v>
      </c>
      <c r="E70" s="803"/>
      <c r="F70" s="795">
        <v>22734684.07</v>
      </c>
      <c r="G70" s="796"/>
      <c r="H70" s="799">
        <v>63286205.869999997</v>
      </c>
      <c r="I70" s="800"/>
      <c r="J70" s="197"/>
      <c r="K70" s="197"/>
    </row>
    <row r="71" spans="1:11" ht="10.5" x14ac:dyDescent="0.2">
      <c r="A71" s="117" t="s">
        <v>139</v>
      </c>
      <c r="B71" s="799">
        <v>0</v>
      </c>
      <c r="C71" s="803"/>
      <c r="D71" s="799">
        <v>0</v>
      </c>
      <c r="E71" s="803"/>
      <c r="F71" s="795">
        <v>0</v>
      </c>
      <c r="G71" s="796"/>
      <c r="H71" s="799">
        <v>0</v>
      </c>
      <c r="I71" s="800"/>
      <c r="J71" s="197"/>
      <c r="K71" s="197"/>
    </row>
    <row r="72" spans="1:11" ht="10.5" x14ac:dyDescent="0.2">
      <c r="A72" s="117" t="s">
        <v>140</v>
      </c>
      <c r="B72" s="799">
        <v>0</v>
      </c>
      <c r="C72" s="803"/>
      <c r="D72" s="799">
        <v>15862834.65</v>
      </c>
      <c r="E72" s="803"/>
      <c r="F72" s="795">
        <v>15862834.65</v>
      </c>
      <c r="G72" s="796"/>
      <c r="H72" s="799">
        <v>57741521.640000001</v>
      </c>
      <c r="I72" s="800"/>
      <c r="J72" s="197"/>
      <c r="K72" s="197"/>
    </row>
    <row r="73" spans="1:11" ht="10.5" x14ac:dyDescent="0.2">
      <c r="A73" s="159" t="s">
        <v>141</v>
      </c>
      <c r="B73" s="799">
        <v>0</v>
      </c>
      <c r="C73" s="803"/>
      <c r="D73" s="799">
        <v>0</v>
      </c>
      <c r="E73" s="803"/>
      <c r="F73" s="795">
        <v>0</v>
      </c>
      <c r="G73" s="796"/>
      <c r="H73" s="799">
        <v>0</v>
      </c>
      <c r="I73" s="800"/>
      <c r="J73" s="197"/>
      <c r="K73" s="197"/>
    </row>
    <row r="74" spans="1:11" ht="10.5" x14ac:dyDescent="0.2">
      <c r="A74" s="117" t="s">
        <v>142</v>
      </c>
      <c r="B74" s="799">
        <v>0</v>
      </c>
      <c r="C74" s="803"/>
      <c r="D74" s="799">
        <v>0</v>
      </c>
      <c r="E74" s="803"/>
      <c r="F74" s="795">
        <v>0</v>
      </c>
      <c r="G74" s="796"/>
      <c r="H74" s="799">
        <v>0</v>
      </c>
      <c r="I74" s="800"/>
      <c r="J74" s="197"/>
      <c r="K74" s="197"/>
    </row>
    <row r="75" spans="1:11" ht="10.5" x14ac:dyDescent="0.2">
      <c r="A75" s="117" t="s">
        <v>143</v>
      </c>
      <c r="B75" s="799">
        <v>0</v>
      </c>
      <c r="C75" s="803"/>
      <c r="D75" s="799">
        <v>0</v>
      </c>
      <c r="E75" s="803"/>
      <c r="F75" s="795">
        <v>0</v>
      </c>
      <c r="G75" s="796"/>
      <c r="H75" s="799">
        <v>0</v>
      </c>
      <c r="I75" s="800"/>
      <c r="J75" s="197"/>
      <c r="K75" s="197"/>
    </row>
    <row r="76" spans="1:11" ht="10.5" x14ac:dyDescent="0.2">
      <c r="A76" s="119" t="s">
        <v>140</v>
      </c>
      <c r="B76" s="801">
        <v>0</v>
      </c>
      <c r="C76" s="804"/>
      <c r="D76" s="801">
        <v>0</v>
      </c>
      <c r="E76" s="804"/>
      <c r="F76" s="797">
        <v>0</v>
      </c>
      <c r="G76" s="798"/>
      <c r="H76" s="801">
        <v>0</v>
      </c>
      <c r="I76" s="802"/>
      <c r="J76" s="197"/>
      <c r="K76" s="197"/>
    </row>
    <row r="77" spans="1:11" ht="5.0999999999999996" customHeight="1" x14ac:dyDescent="0.2">
      <c r="A77" s="173"/>
      <c r="B77" s="173"/>
      <c r="C77" s="173"/>
      <c r="D77" s="189"/>
      <c r="E77" s="189"/>
      <c r="F77" s="189"/>
      <c r="G77" s="67"/>
      <c r="H77" s="67"/>
      <c r="I77" s="67"/>
    </row>
    <row r="78" spans="1:11" s="65" customFormat="1" ht="20.100000000000001" customHeight="1" x14ac:dyDescent="0.2">
      <c r="A78" s="777" t="s">
        <v>144</v>
      </c>
      <c r="B78" s="777"/>
      <c r="C78" s="778"/>
      <c r="D78" s="776" t="s">
        <v>122</v>
      </c>
      <c r="E78" s="777"/>
      <c r="F78" s="777"/>
      <c r="G78" s="777"/>
      <c r="H78" s="777"/>
      <c r="I78" s="777"/>
    </row>
    <row r="79" spans="1:11" ht="20.100000000000001" customHeight="1" x14ac:dyDescent="0.2">
      <c r="A79" s="842" t="s">
        <v>209</v>
      </c>
      <c r="B79" s="842"/>
      <c r="C79" s="843"/>
      <c r="D79" s="825"/>
      <c r="E79" s="826"/>
      <c r="F79" s="826"/>
      <c r="G79" s="826"/>
      <c r="H79" s="826"/>
      <c r="I79" s="826"/>
    </row>
    <row r="80" spans="1:11" ht="5.0999999999999996" customHeight="1" x14ac:dyDescent="0.2">
      <c r="A80" s="172"/>
      <c r="B80" s="172"/>
      <c r="C80" s="172"/>
      <c r="D80" s="171"/>
      <c r="E80" s="171"/>
      <c r="F80" s="171"/>
      <c r="G80" s="73"/>
      <c r="H80" s="73"/>
      <c r="I80" s="73"/>
    </row>
    <row r="81" spans="1:9" s="65" customFormat="1" ht="15" customHeight="1" x14ac:dyDescent="0.2">
      <c r="A81" s="823" t="s">
        <v>550</v>
      </c>
      <c r="B81" s="823"/>
      <c r="C81" s="786"/>
      <c r="D81" s="829" t="s">
        <v>208</v>
      </c>
      <c r="E81" s="823"/>
      <c r="F81" s="823"/>
      <c r="G81" s="823"/>
      <c r="H81" s="823"/>
      <c r="I81" s="823"/>
    </row>
    <row r="82" spans="1:9" s="65" customFormat="1" ht="15" customHeight="1" x14ac:dyDescent="0.2">
      <c r="A82" s="824"/>
      <c r="B82" s="824"/>
      <c r="C82" s="788"/>
      <c r="D82" s="776">
        <v>2015</v>
      </c>
      <c r="E82" s="777"/>
      <c r="F82" s="778"/>
      <c r="G82" s="777">
        <v>2014</v>
      </c>
      <c r="H82" s="777"/>
      <c r="I82" s="777"/>
    </row>
    <row r="83" spans="1:9" ht="10.5" x14ac:dyDescent="0.2">
      <c r="A83" s="827" t="s">
        <v>123</v>
      </c>
      <c r="B83" s="827"/>
      <c r="C83" s="828"/>
      <c r="D83" s="830">
        <v>0</v>
      </c>
      <c r="E83" s="831"/>
      <c r="F83" s="832"/>
      <c r="G83" s="830">
        <v>0</v>
      </c>
      <c r="H83" s="831"/>
      <c r="I83" s="831"/>
    </row>
    <row r="84" spans="1:9" ht="10.5" x14ac:dyDescent="0.2">
      <c r="A84" s="819" t="s">
        <v>124</v>
      </c>
      <c r="B84" s="819"/>
      <c r="C84" s="820"/>
      <c r="D84" s="722">
        <v>23944205.390000001</v>
      </c>
      <c r="E84" s="815"/>
      <c r="F84" s="723"/>
      <c r="G84" s="799">
        <v>23246586.609999999</v>
      </c>
      <c r="H84" s="800"/>
      <c r="I84" s="800"/>
    </row>
    <row r="85" spans="1:9" ht="10.5" x14ac:dyDescent="0.2">
      <c r="A85" s="819" t="s">
        <v>125</v>
      </c>
      <c r="B85" s="819"/>
      <c r="C85" s="820"/>
      <c r="D85" s="722">
        <v>515016.05000000447</v>
      </c>
      <c r="E85" s="815"/>
      <c r="F85" s="723"/>
      <c r="G85" s="799">
        <v>162425.96</v>
      </c>
      <c r="H85" s="800"/>
      <c r="I85" s="800"/>
    </row>
    <row r="86" spans="1:9" ht="10.5" x14ac:dyDescent="0.2">
      <c r="A86" s="821" t="s">
        <v>126</v>
      </c>
      <c r="B86" s="821"/>
      <c r="C86" s="822"/>
      <c r="D86" s="801">
        <v>0</v>
      </c>
      <c r="E86" s="802"/>
      <c r="F86" s="804"/>
      <c r="G86" s="801">
        <v>0</v>
      </c>
      <c r="H86" s="802"/>
      <c r="I86" s="802"/>
    </row>
    <row r="87" spans="1:9" ht="5.0999999999999996" customHeight="1" x14ac:dyDescent="0.2">
      <c r="A87" s="177"/>
      <c r="B87" s="177"/>
      <c r="C87" s="118"/>
      <c r="D87" s="818"/>
      <c r="E87" s="818"/>
      <c r="F87" s="173"/>
      <c r="G87" s="118"/>
      <c r="H87" s="73"/>
      <c r="I87" s="73"/>
    </row>
    <row r="88" spans="1:9" ht="15" customHeight="1" x14ac:dyDescent="0.15">
      <c r="A88" s="783" t="s">
        <v>145</v>
      </c>
      <c r="B88" s="833" t="s">
        <v>108</v>
      </c>
      <c r="C88" s="834"/>
      <c r="D88" s="833" t="s">
        <v>108</v>
      </c>
      <c r="E88" s="834"/>
      <c r="F88" s="829" t="s">
        <v>109</v>
      </c>
      <c r="G88" s="823"/>
      <c r="H88" s="823"/>
      <c r="I88" s="823"/>
    </row>
    <row r="89" spans="1:9" ht="15" customHeight="1" x14ac:dyDescent="0.2">
      <c r="A89" s="784"/>
      <c r="B89" s="807" t="s">
        <v>111</v>
      </c>
      <c r="C89" s="787"/>
      <c r="D89" s="809" t="s">
        <v>112</v>
      </c>
      <c r="E89" s="784"/>
      <c r="F89" s="789" t="s">
        <v>115</v>
      </c>
      <c r="G89" s="783"/>
      <c r="H89" s="789" t="s">
        <v>115</v>
      </c>
      <c r="I89" s="790"/>
    </row>
    <row r="90" spans="1:9" ht="15" customHeight="1" x14ac:dyDescent="0.2">
      <c r="A90" s="785"/>
      <c r="B90" s="808"/>
      <c r="C90" s="788"/>
      <c r="D90" s="810"/>
      <c r="E90" s="785"/>
      <c r="F90" s="808">
        <v>2015</v>
      </c>
      <c r="G90" s="788"/>
      <c r="H90" s="810">
        <v>2014</v>
      </c>
      <c r="I90" s="844"/>
    </row>
    <row r="91" spans="1:9" ht="11.25" customHeight="1" x14ac:dyDescent="0.2">
      <c r="A91" s="155" t="s">
        <v>147</v>
      </c>
      <c r="B91" s="718">
        <v>914247000</v>
      </c>
      <c r="C91" s="719"/>
      <c r="D91" s="718">
        <v>914247000</v>
      </c>
      <c r="E91" s="719"/>
      <c r="F91" s="718">
        <v>51173628.109999999</v>
      </c>
      <c r="G91" s="719"/>
      <c r="H91" s="718">
        <v>90485338.510000005</v>
      </c>
      <c r="I91" s="837"/>
    </row>
    <row r="92" spans="1:9" ht="11.25" customHeight="1" x14ac:dyDescent="0.2">
      <c r="A92" s="175" t="s">
        <v>178</v>
      </c>
      <c r="B92" s="722">
        <v>914247000</v>
      </c>
      <c r="C92" s="723"/>
      <c r="D92" s="722">
        <v>914247000</v>
      </c>
      <c r="E92" s="723"/>
      <c r="F92" s="722">
        <v>51173628.109999999</v>
      </c>
      <c r="G92" s="723"/>
      <c r="H92" s="722">
        <v>90485338.510000005</v>
      </c>
      <c r="I92" s="815"/>
    </row>
    <row r="93" spans="1:9" ht="11.25" customHeight="1" x14ac:dyDescent="0.2">
      <c r="A93" s="175" t="s">
        <v>146</v>
      </c>
      <c r="B93" s="722">
        <v>914247000</v>
      </c>
      <c r="C93" s="723"/>
      <c r="D93" s="722">
        <v>914247000</v>
      </c>
      <c r="E93" s="723"/>
      <c r="F93" s="722">
        <v>51173628.109999999</v>
      </c>
      <c r="G93" s="723"/>
      <c r="H93" s="722">
        <v>90485338.510000005</v>
      </c>
      <c r="I93" s="815"/>
    </row>
    <row r="94" spans="1:9" ht="11.25" customHeight="1" x14ac:dyDescent="0.2">
      <c r="A94" s="175" t="s">
        <v>282</v>
      </c>
      <c r="B94" s="722">
        <v>264247000</v>
      </c>
      <c r="C94" s="723"/>
      <c r="D94" s="722">
        <v>264247000</v>
      </c>
      <c r="E94" s="723"/>
      <c r="F94" s="722">
        <v>49606097.700000003</v>
      </c>
      <c r="G94" s="723"/>
      <c r="H94" s="722">
        <v>72535891.540000007</v>
      </c>
      <c r="I94" s="815"/>
    </row>
    <row r="95" spans="1:9" ht="11.25" customHeight="1" x14ac:dyDescent="0.2">
      <c r="A95" s="175" t="s">
        <v>129</v>
      </c>
      <c r="B95" s="722">
        <v>264247000</v>
      </c>
      <c r="C95" s="723"/>
      <c r="D95" s="722">
        <v>264247000</v>
      </c>
      <c r="E95" s="723"/>
      <c r="F95" s="722">
        <v>49606097.700000003</v>
      </c>
      <c r="G95" s="723"/>
      <c r="H95" s="722">
        <v>72535891.540000007</v>
      </c>
      <c r="I95" s="815"/>
    </row>
    <row r="96" spans="1:9" ht="11.25" customHeight="1" x14ac:dyDescent="0.2">
      <c r="A96" s="175" t="s">
        <v>130</v>
      </c>
      <c r="B96" s="722">
        <v>0</v>
      </c>
      <c r="C96" s="723"/>
      <c r="D96" s="722">
        <v>0</v>
      </c>
      <c r="E96" s="723"/>
      <c r="F96" s="722">
        <v>0</v>
      </c>
      <c r="G96" s="723"/>
      <c r="H96" s="722">
        <v>0</v>
      </c>
      <c r="I96" s="815"/>
    </row>
    <row r="97" spans="1:9" ht="11.25" customHeight="1" x14ac:dyDescent="0.2">
      <c r="A97" s="175" t="s">
        <v>131</v>
      </c>
      <c r="B97" s="722">
        <v>0</v>
      </c>
      <c r="C97" s="723"/>
      <c r="D97" s="722">
        <v>0</v>
      </c>
      <c r="E97" s="723"/>
      <c r="F97" s="722">
        <v>0</v>
      </c>
      <c r="G97" s="723"/>
      <c r="H97" s="722">
        <v>0</v>
      </c>
      <c r="I97" s="815"/>
    </row>
    <row r="98" spans="1:9" ht="11.25" customHeight="1" x14ac:dyDescent="0.2">
      <c r="A98" s="175" t="s">
        <v>283</v>
      </c>
      <c r="B98" s="722">
        <v>650000000</v>
      </c>
      <c r="C98" s="723"/>
      <c r="D98" s="722">
        <v>650000000</v>
      </c>
      <c r="E98" s="723"/>
      <c r="F98" s="722">
        <v>1567530.41</v>
      </c>
      <c r="G98" s="723"/>
      <c r="H98" s="722">
        <v>17949446.969999999</v>
      </c>
      <c r="I98" s="815"/>
    </row>
    <row r="99" spans="1:9" ht="11.25" customHeight="1" x14ac:dyDescent="0.2">
      <c r="A99" s="175" t="s">
        <v>132</v>
      </c>
      <c r="B99" s="722">
        <v>650000000</v>
      </c>
      <c r="C99" s="723"/>
      <c r="D99" s="722">
        <v>650000000</v>
      </c>
      <c r="E99" s="723"/>
      <c r="F99" s="722">
        <v>1567530.41</v>
      </c>
      <c r="G99" s="723"/>
      <c r="H99" s="722">
        <v>17949446.969999999</v>
      </c>
      <c r="I99" s="815"/>
    </row>
    <row r="100" spans="1:9" ht="11.25" customHeight="1" x14ac:dyDescent="0.2">
      <c r="A100" s="175" t="s">
        <v>133</v>
      </c>
      <c r="B100" s="722">
        <v>0</v>
      </c>
      <c r="C100" s="723"/>
      <c r="D100" s="722">
        <v>0</v>
      </c>
      <c r="E100" s="723"/>
      <c r="F100" s="722">
        <v>0</v>
      </c>
      <c r="G100" s="723"/>
      <c r="H100" s="722">
        <v>0</v>
      </c>
      <c r="I100" s="815"/>
    </row>
    <row r="101" spans="1:9" ht="11.25" customHeight="1" x14ac:dyDescent="0.2">
      <c r="A101" s="175" t="s">
        <v>758</v>
      </c>
      <c r="B101" s="722">
        <v>0</v>
      </c>
      <c r="C101" s="723"/>
      <c r="D101" s="722">
        <v>0</v>
      </c>
      <c r="E101" s="723"/>
      <c r="F101" s="722">
        <v>0</v>
      </c>
      <c r="G101" s="723"/>
      <c r="H101" s="722">
        <v>0</v>
      </c>
      <c r="I101" s="815"/>
    </row>
    <row r="102" spans="1:9" ht="11.25" customHeight="1" x14ac:dyDescent="0.2">
      <c r="A102" s="175" t="s">
        <v>780</v>
      </c>
      <c r="B102" s="722">
        <v>0</v>
      </c>
      <c r="C102" s="723"/>
      <c r="D102" s="722">
        <v>0</v>
      </c>
      <c r="E102" s="723"/>
      <c r="F102" s="722">
        <v>0</v>
      </c>
      <c r="G102" s="723"/>
      <c r="H102" s="722">
        <v>0</v>
      </c>
      <c r="I102" s="815"/>
    </row>
    <row r="103" spans="1:9" ht="11.25" customHeight="1" x14ac:dyDescent="0.2">
      <c r="A103" s="175" t="s">
        <v>781</v>
      </c>
      <c r="B103" s="722">
        <v>0</v>
      </c>
      <c r="C103" s="723"/>
      <c r="D103" s="722">
        <v>0</v>
      </c>
      <c r="E103" s="723"/>
      <c r="F103" s="722">
        <v>0</v>
      </c>
      <c r="G103" s="723"/>
      <c r="H103" s="722">
        <v>0</v>
      </c>
      <c r="I103" s="815"/>
    </row>
    <row r="104" spans="1:9" ht="11.25" customHeight="1" x14ac:dyDescent="0.2">
      <c r="A104" s="175" t="s">
        <v>179</v>
      </c>
      <c r="B104" s="722">
        <v>0</v>
      </c>
      <c r="C104" s="723"/>
      <c r="D104" s="722">
        <v>0</v>
      </c>
      <c r="E104" s="723"/>
      <c r="F104" s="722">
        <v>0</v>
      </c>
      <c r="G104" s="723"/>
      <c r="H104" s="722">
        <v>0</v>
      </c>
      <c r="I104" s="815"/>
    </row>
    <row r="105" spans="1:9" ht="11.25" customHeight="1" x14ac:dyDescent="0.2">
      <c r="A105" s="175" t="s">
        <v>186</v>
      </c>
      <c r="B105" s="722">
        <v>0</v>
      </c>
      <c r="C105" s="723"/>
      <c r="D105" s="722">
        <v>0</v>
      </c>
      <c r="E105" s="723"/>
      <c r="F105" s="722">
        <v>0</v>
      </c>
      <c r="G105" s="723"/>
      <c r="H105" s="722">
        <v>0</v>
      </c>
      <c r="I105" s="815"/>
    </row>
    <row r="106" spans="1:9" ht="11.25" customHeight="1" x14ac:dyDescent="0.2">
      <c r="A106" s="175" t="s">
        <v>183</v>
      </c>
      <c r="B106" s="722">
        <v>0</v>
      </c>
      <c r="C106" s="723"/>
      <c r="D106" s="722">
        <v>0</v>
      </c>
      <c r="E106" s="723"/>
      <c r="F106" s="722">
        <v>0</v>
      </c>
      <c r="G106" s="723"/>
      <c r="H106" s="722">
        <v>0</v>
      </c>
      <c r="I106" s="815"/>
    </row>
    <row r="107" spans="1:9" ht="11.25" customHeight="1" x14ac:dyDescent="0.2">
      <c r="A107" s="65" t="s">
        <v>148</v>
      </c>
      <c r="B107" s="722">
        <v>0</v>
      </c>
      <c r="C107" s="723"/>
      <c r="D107" s="722">
        <v>0</v>
      </c>
      <c r="E107" s="723"/>
      <c r="F107" s="722">
        <v>0</v>
      </c>
      <c r="G107" s="723"/>
      <c r="H107" s="722">
        <v>0</v>
      </c>
      <c r="I107" s="815"/>
    </row>
    <row r="108" spans="1:9" ht="11.25" customHeight="1" x14ac:dyDescent="0.2">
      <c r="A108" s="121" t="s">
        <v>822</v>
      </c>
      <c r="B108" s="722">
        <v>0</v>
      </c>
      <c r="C108" s="723"/>
      <c r="D108" s="722">
        <v>0</v>
      </c>
      <c r="E108" s="723"/>
      <c r="F108" s="722">
        <v>0</v>
      </c>
      <c r="G108" s="723"/>
      <c r="H108" s="722">
        <v>0</v>
      </c>
      <c r="I108" s="815"/>
    </row>
    <row r="109" spans="1:9" ht="11.25" customHeight="1" x14ac:dyDescent="0.2">
      <c r="A109" s="175" t="s">
        <v>824</v>
      </c>
      <c r="B109" s="722">
        <v>0</v>
      </c>
      <c r="C109" s="723"/>
      <c r="D109" s="722">
        <v>0</v>
      </c>
      <c r="E109" s="723"/>
      <c r="F109" s="722">
        <v>0</v>
      </c>
      <c r="G109" s="723"/>
      <c r="H109" s="722">
        <v>0</v>
      </c>
      <c r="I109" s="815"/>
    </row>
    <row r="110" spans="1:9" ht="11.25" customHeight="1" x14ac:dyDescent="0.2">
      <c r="A110" s="121" t="s">
        <v>823</v>
      </c>
      <c r="B110" s="722">
        <v>0</v>
      </c>
      <c r="C110" s="723"/>
      <c r="D110" s="722">
        <v>0</v>
      </c>
      <c r="E110" s="723"/>
      <c r="F110" s="722">
        <v>0</v>
      </c>
      <c r="G110" s="723"/>
      <c r="H110" s="722">
        <v>0</v>
      </c>
      <c r="I110" s="815"/>
    </row>
    <row r="111" spans="1:9" ht="11.25" customHeight="1" x14ac:dyDescent="0.2">
      <c r="A111" s="65"/>
      <c r="B111" s="764">
        <v>0</v>
      </c>
      <c r="C111" s="765"/>
      <c r="D111" s="764">
        <v>0</v>
      </c>
      <c r="E111" s="765"/>
      <c r="F111" s="764">
        <v>0</v>
      </c>
      <c r="G111" s="765"/>
      <c r="H111" s="764">
        <v>0</v>
      </c>
      <c r="I111" s="817"/>
    </row>
    <row r="112" spans="1:9" ht="24.95" customHeight="1" x14ac:dyDescent="0.2">
      <c r="A112" s="162" t="s">
        <v>779</v>
      </c>
      <c r="B112" s="703">
        <v>914247000</v>
      </c>
      <c r="C112" s="704"/>
      <c r="D112" s="703">
        <v>914247000</v>
      </c>
      <c r="E112" s="704"/>
      <c r="F112" s="703">
        <v>51173628.109999999</v>
      </c>
      <c r="G112" s="704"/>
      <c r="H112" s="703">
        <v>90485338.510000005</v>
      </c>
      <c r="I112" s="816"/>
    </row>
    <row r="113" spans="1:9" ht="5.0999999999999996" customHeight="1" x14ac:dyDescent="0.15">
      <c r="A113" s="191"/>
      <c r="B113" s="192"/>
      <c r="C113" s="192"/>
      <c r="D113" s="193"/>
      <c r="E113" s="193"/>
      <c r="F113" s="193"/>
      <c r="G113" s="194"/>
      <c r="H113" s="194"/>
      <c r="I113" s="194"/>
    </row>
    <row r="114" spans="1:9" ht="24.95" customHeight="1" x14ac:dyDescent="0.2">
      <c r="A114" s="845" t="s">
        <v>149</v>
      </c>
      <c r="B114" s="629" t="s">
        <v>157</v>
      </c>
      <c r="C114" s="629" t="s">
        <v>157</v>
      </c>
      <c r="D114" s="740" t="s">
        <v>158</v>
      </c>
      <c r="E114" s="742"/>
      <c r="F114" s="776" t="s">
        <v>159</v>
      </c>
      <c r="G114" s="778"/>
      <c r="H114" s="776" t="s">
        <v>347</v>
      </c>
      <c r="I114" s="777"/>
    </row>
    <row r="115" spans="1:9" ht="15" customHeight="1" x14ac:dyDescent="0.2">
      <c r="A115" s="846"/>
      <c r="B115" s="841" t="s">
        <v>111</v>
      </c>
      <c r="C115" s="841" t="s">
        <v>112</v>
      </c>
      <c r="D115" s="168" t="s">
        <v>115</v>
      </c>
      <c r="E115" s="168" t="s">
        <v>115</v>
      </c>
      <c r="F115" s="168" t="s">
        <v>115</v>
      </c>
      <c r="G115" s="168" t="s">
        <v>115</v>
      </c>
      <c r="H115" s="835" t="s">
        <v>755</v>
      </c>
      <c r="I115" s="829" t="s">
        <v>756</v>
      </c>
    </row>
    <row r="116" spans="1:9" ht="15" customHeight="1" x14ac:dyDescent="0.2">
      <c r="A116" s="847"/>
      <c r="B116" s="780"/>
      <c r="C116" s="780"/>
      <c r="D116" s="169">
        <v>2015</v>
      </c>
      <c r="E116" s="170">
        <v>2014</v>
      </c>
      <c r="F116" s="169">
        <v>2015</v>
      </c>
      <c r="G116" s="170">
        <v>2014</v>
      </c>
      <c r="H116" s="836"/>
      <c r="I116" s="808"/>
    </row>
    <row r="117" spans="1:9" ht="11.25" customHeight="1" x14ac:dyDescent="0.2">
      <c r="A117" s="160" t="s">
        <v>150</v>
      </c>
      <c r="B117" s="572">
        <v>30000</v>
      </c>
      <c r="C117" s="572">
        <v>30000</v>
      </c>
      <c r="D117" s="572">
        <v>0</v>
      </c>
      <c r="E117" s="572">
        <v>0</v>
      </c>
      <c r="F117" s="572">
        <v>0</v>
      </c>
      <c r="G117" s="572">
        <v>0</v>
      </c>
      <c r="H117" s="572">
        <v>0</v>
      </c>
      <c r="I117" s="516">
        <v>0</v>
      </c>
    </row>
    <row r="118" spans="1:9" ht="11.25" customHeight="1" x14ac:dyDescent="0.2">
      <c r="A118" s="27" t="s">
        <v>204</v>
      </c>
      <c r="B118" s="524">
        <v>30000</v>
      </c>
      <c r="C118" s="524">
        <v>30000</v>
      </c>
      <c r="D118" s="524"/>
      <c r="E118" s="524"/>
      <c r="F118" s="524"/>
      <c r="G118" s="524">
        <v>0</v>
      </c>
      <c r="H118" s="524"/>
      <c r="I118" s="454"/>
    </row>
    <row r="119" spans="1:9" ht="11.25" customHeight="1" x14ac:dyDescent="0.2">
      <c r="A119" s="28" t="s">
        <v>205</v>
      </c>
      <c r="B119" s="524"/>
      <c r="C119" s="524"/>
      <c r="D119" s="524"/>
      <c r="E119" s="524"/>
      <c r="F119" s="524"/>
      <c r="G119" s="524">
        <v>0</v>
      </c>
      <c r="H119" s="524"/>
      <c r="I119" s="454"/>
    </row>
    <row r="120" spans="1:9" ht="24.95" customHeight="1" x14ac:dyDescent="0.2">
      <c r="A120" s="413" t="s">
        <v>151</v>
      </c>
      <c r="B120" s="364">
        <v>30000</v>
      </c>
      <c r="C120" s="364">
        <v>30000</v>
      </c>
      <c r="D120" s="364">
        <v>0</v>
      </c>
      <c r="E120" s="364">
        <v>0</v>
      </c>
      <c r="F120" s="364">
        <v>0</v>
      </c>
      <c r="G120" s="364">
        <v>0</v>
      </c>
      <c r="H120" s="364">
        <v>0</v>
      </c>
      <c r="I120" s="365">
        <v>0</v>
      </c>
    </row>
    <row r="121" spans="1:9" ht="11.25" customHeight="1" x14ac:dyDescent="0.2">
      <c r="A121" s="64" t="s">
        <v>878</v>
      </c>
      <c r="I121" s="301"/>
    </row>
    <row r="122" spans="1:9" ht="11.25" customHeight="1" x14ac:dyDescent="0.2">
      <c r="A122" s="270"/>
    </row>
    <row r="126" spans="1:9" s="270" customFormat="1" ht="11.25" customHeight="1" x14ac:dyDescent="0.2">
      <c r="F126" s="210"/>
      <c r="I126" s="210"/>
    </row>
    <row r="127" spans="1:9" s="270" customFormat="1" ht="11.25" customHeight="1" x14ac:dyDescent="0.2">
      <c r="F127" s="210"/>
      <c r="I127" s="210"/>
    </row>
    <row r="129" spans="1:9" ht="11.25" customHeight="1" x14ac:dyDescent="0.2">
      <c r="A129" s="270"/>
      <c r="B129" s="270"/>
      <c r="C129" s="270"/>
      <c r="D129" s="270"/>
      <c r="E129" s="270"/>
      <c r="F129" s="210"/>
      <c r="G129" s="270"/>
      <c r="H129" s="270"/>
      <c r="I129" s="210"/>
    </row>
    <row r="130" spans="1:9" ht="11.25" customHeight="1" x14ac:dyDescent="0.2">
      <c r="A130" s="270"/>
      <c r="B130" s="270"/>
      <c r="C130" s="270"/>
      <c r="D130" s="270"/>
      <c r="E130" s="270"/>
      <c r="F130" s="210"/>
      <c r="G130" s="270"/>
      <c r="H130" s="270"/>
      <c r="I130" s="210"/>
    </row>
    <row r="131" spans="1:9" ht="11.25" customHeight="1" x14ac:dyDescent="0.2">
      <c r="A131" s="270"/>
      <c r="B131" s="270"/>
      <c r="C131" s="270"/>
      <c r="D131" s="270"/>
      <c r="E131" s="270"/>
      <c r="F131" s="210"/>
      <c r="G131" s="270"/>
      <c r="H131" s="270"/>
      <c r="I131" s="210"/>
    </row>
    <row r="132" spans="1:9" ht="11.25" customHeight="1" x14ac:dyDescent="0.2">
      <c r="A132" s="270"/>
      <c r="B132" s="270"/>
      <c r="C132" s="270"/>
      <c r="D132" s="270"/>
      <c r="E132" s="270"/>
      <c r="F132" s="210"/>
      <c r="G132" s="270"/>
      <c r="H132" s="270"/>
      <c r="I132" s="210"/>
    </row>
    <row r="133" spans="1:9" ht="11.25" customHeight="1" x14ac:dyDescent="0.2">
      <c r="A133" s="270"/>
      <c r="B133" s="270"/>
      <c r="C133" s="270"/>
      <c r="D133" s="270"/>
      <c r="E133" s="270"/>
      <c r="F133" s="210"/>
      <c r="G133" s="270"/>
      <c r="H133" s="270"/>
      <c r="I133" s="210"/>
    </row>
    <row r="134" spans="1:9" ht="11.25" customHeight="1" x14ac:dyDescent="0.2">
      <c r="A134" s="270"/>
      <c r="B134" s="270"/>
      <c r="C134" s="270"/>
      <c r="D134" s="270"/>
      <c r="E134" s="270"/>
      <c r="F134" s="210"/>
      <c r="G134" s="270"/>
      <c r="H134" s="270"/>
      <c r="I134" s="210"/>
    </row>
    <row r="135" spans="1:9" ht="11.25" customHeight="1" x14ac:dyDescent="0.2">
      <c r="A135" s="270"/>
      <c r="B135" s="270"/>
      <c r="C135" s="270"/>
      <c r="D135" s="270"/>
      <c r="E135" s="270"/>
      <c r="F135" s="210"/>
      <c r="G135" s="270"/>
      <c r="H135" s="270"/>
      <c r="I135" s="210"/>
    </row>
    <row r="136" spans="1:9" ht="11.25" customHeight="1" x14ac:dyDescent="0.2">
      <c r="A136" s="270"/>
      <c r="B136" s="270"/>
      <c r="C136" s="270"/>
      <c r="D136" s="270"/>
      <c r="E136" s="270"/>
      <c r="F136" s="210"/>
      <c r="G136" s="270"/>
      <c r="H136" s="270"/>
      <c r="I136" s="210"/>
    </row>
    <row r="137" spans="1:9" ht="11.25" customHeight="1" x14ac:dyDescent="0.2">
      <c r="A137" s="270"/>
      <c r="B137" s="270"/>
      <c r="C137" s="270"/>
      <c r="D137" s="270"/>
      <c r="E137" s="270"/>
      <c r="F137" s="210"/>
      <c r="G137" s="270"/>
      <c r="H137" s="270"/>
      <c r="I137" s="210"/>
    </row>
    <row r="138" spans="1:9" ht="11.25" customHeight="1" x14ac:dyDescent="0.2">
      <c r="A138" s="270"/>
      <c r="B138" s="270"/>
      <c r="C138" s="270"/>
      <c r="D138" s="270"/>
      <c r="E138" s="270"/>
      <c r="F138" s="210"/>
      <c r="G138" s="270"/>
      <c r="H138" s="270"/>
      <c r="I138" s="210"/>
    </row>
    <row r="139" spans="1:9" ht="11.25" customHeight="1" x14ac:dyDescent="0.2">
      <c r="A139" s="270"/>
      <c r="B139" s="270"/>
      <c r="C139" s="270"/>
      <c r="D139" s="270"/>
      <c r="E139" s="270"/>
      <c r="F139" s="210"/>
      <c r="G139" s="270"/>
      <c r="H139" s="270"/>
      <c r="I139" s="210"/>
    </row>
    <row r="140" spans="1:9" ht="11.25" customHeight="1" x14ac:dyDescent="0.2">
      <c r="A140" s="270"/>
      <c r="B140" s="270"/>
      <c r="C140" s="270"/>
      <c r="D140" s="270"/>
      <c r="E140" s="270"/>
      <c r="F140" s="210"/>
      <c r="G140" s="270"/>
      <c r="H140" s="270"/>
      <c r="I140" s="210"/>
    </row>
    <row r="141" spans="1:9" ht="11.25" customHeight="1" x14ac:dyDescent="0.2">
      <c r="A141" s="270"/>
      <c r="B141" s="270"/>
      <c r="C141" s="270"/>
      <c r="D141" s="270"/>
      <c r="E141" s="270"/>
      <c r="F141" s="210"/>
      <c r="G141" s="270"/>
      <c r="H141" s="270"/>
      <c r="I141" s="210"/>
    </row>
    <row r="142" spans="1:9" ht="11.25" customHeight="1" x14ac:dyDescent="0.2">
      <c r="A142" s="270"/>
      <c r="B142" s="270"/>
      <c r="C142" s="270"/>
      <c r="D142" s="270"/>
      <c r="E142" s="270"/>
      <c r="F142" s="210"/>
      <c r="G142" s="270"/>
      <c r="H142" s="270"/>
      <c r="I142" s="210"/>
    </row>
    <row r="143" spans="1:9" ht="11.25" customHeight="1" x14ac:dyDescent="0.2">
      <c r="A143" s="270"/>
      <c r="B143" s="270"/>
      <c r="C143" s="270"/>
      <c r="D143" s="270"/>
      <c r="E143" s="270"/>
      <c r="F143" s="210"/>
      <c r="G143" s="270"/>
      <c r="H143" s="270"/>
      <c r="I143" s="210"/>
    </row>
  </sheetData>
  <customSheetViews>
    <customSheetView guid="{8C4C4E05-26A9-48D7-9CF5-CBEE6AE5F4C6}" showPageBreaks="1" showGridLines="0" fitToPage="1" topLeftCell="A78">
      <selection activeCell="B101" sqref="B101:C101"/>
      <pageMargins left="0.19685039370078741" right="0.19685039370078741" top="0.19685039370078741" bottom="0.19685039370078741" header="0" footer="0"/>
      <printOptions horizontalCentered="1"/>
      <pageSetup paperSize="9" scale="45" orientation="portrait" r:id="rId1"/>
      <headerFooter alignWithMargins="0"/>
    </customSheetView>
    <customSheetView guid="{6F6CE139-4C01-4DC6-BA1C-5DC7C1E4A87D}" showPageBreaks="1" showGridLines="0" fitToPage="1">
      <selection activeCell="B101" sqref="B101:C101"/>
      <pageMargins left="0.19685039370078741" right="0.19685039370078741" top="0.39370078740157483" bottom="0.19685039370078741" header="0" footer="0"/>
      <printOptions horizontalCentered="1"/>
      <pageSetup paperSize="9" scale="45" orientation="portrait" r:id="rId2"/>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3"/>
      <headerFooter alignWithMargins="0"/>
    </customSheetView>
    <customSheetView guid="{82EDB5A4-4824-4632-A540-7A52C92F04C7}" scale="90" showGridLines="0" fitToPage="1" topLeftCell="A61">
      <selection activeCell="F77" sqref="F77"/>
      <pageMargins left="0.39370078740157483" right="0.39370078740157483" top="0.98425196850393704" bottom="0.98425196850393704" header="0" footer="0.19685039370078741"/>
      <printOptions horizontalCentered="1"/>
      <pageSetup paperSize="9" scale="70" orientation="portrait" r:id="rId4"/>
      <headerFooter alignWithMargins="0"/>
    </customSheetView>
    <customSheetView guid="{6DBFA32C-4AA4-4E1D-9A48-697377C64CC3}" showGridLines="0" fitToPage="1">
      <pageMargins left="0.19685039370078741" right="0.19685039370078741" top="0.39370078740157483" bottom="0.19685039370078741" header="0" footer="0"/>
      <printOptions horizontalCentered="1"/>
      <pageSetup paperSize="9" scale="45" orientation="portrait" r:id="rId5"/>
      <headerFooter alignWithMargins="0"/>
    </customSheetView>
    <customSheetView guid="{3AAF6A5F-F9AA-430B-9AD9-1261ECDF41B5}" showPageBreaks="1" showGridLines="0" fitToPage="1" topLeftCell="A78">
      <selection activeCell="B101" sqref="B101:C101"/>
      <pageMargins left="0.19685039370078741" right="0.19685039370078741" top="0.19685039370078741" bottom="0.19685039370078741" header="0" footer="0"/>
      <printOptions horizontalCentered="1"/>
      <pageSetup paperSize="9" scale="45" orientation="portrait" r:id="rId6"/>
      <headerFooter alignWithMargins="0"/>
    </customSheetView>
    <customSheetView guid="{25EF1E0D-169B-4051-B414-7E1196FC05E4}" showPageBreaks="1" showGridLines="0" fitToPage="1" printArea="1" topLeftCell="A70">
      <selection activeCell="F72" sqref="F72:G72"/>
      <pageMargins left="0.19685039370078741" right="0.19685039370078741" top="0.19685039370078741" bottom="0.19685039370078741" header="0" footer="0"/>
      <printOptions horizontalCentered="1"/>
      <pageSetup paperSize="9" scale="45" orientation="portrait" r:id="rId7"/>
      <headerFooter alignWithMargins="0"/>
    </customSheetView>
  </customSheetViews>
  <mergeCells count="305">
    <mergeCell ref="A114:A116"/>
    <mergeCell ref="D111:E111"/>
    <mergeCell ref="B115:B116"/>
    <mergeCell ref="C115:C116"/>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F98:G98"/>
    <mergeCell ref="B94:C94"/>
    <mergeCell ref="D94:E94"/>
    <mergeCell ref="B98:C98"/>
    <mergeCell ref="D98:E98"/>
    <mergeCell ref="H98:I98"/>
    <mergeCell ref="D110:E110"/>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B97:C97"/>
    <mergeCell ref="D97:E97"/>
    <mergeCell ref="F97:G97"/>
    <mergeCell ref="H97:I97"/>
    <mergeCell ref="B96:C96"/>
    <mergeCell ref="D96:E96"/>
    <mergeCell ref="F96:G96"/>
    <mergeCell ref="A79:C79"/>
    <mergeCell ref="A88:A90"/>
    <mergeCell ref="B88:C88"/>
    <mergeCell ref="D88:E88"/>
    <mergeCell ref="F88:I88"/>
    <mergeCell ref="B89:C90"/>
    <mergeCell ref="D89:E90"/>
    <mergeCell ref="F89:G89"/>
    <mergeCell ref="H89:I89"/>
    <mergeCell ref="F90:G90"/>
    <mergeCell ref="H90:I90"/>
    <mergeCell ref="F94:G94"/>
    <mergeCell ref="H96:I96"/>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B22:C22"/>
    <mergeCell ref="D22:E22"/>
    <mergeCell ref="F22:G22"/>
    <mergeCell ref="H22:I22"/>
    <mergeCell ref="B23:C23"/>
    <mergeCell ref="D23:E23"/>
    <mergeCell ref="F23:G23"/>
    <mergeCell ref="H23:I23"/>
    <mergeCell ref="B24:C24"/>
    <mergeCell ref="D24:E24"/>
    <mergeCell ref="F24:G24"/>
    <mergeCell ref="H24:I24"/>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F109:G109"/>
    <mergeCell ref="H109:I109"/>
    <mergeCell ref="F100:G100"/>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D108:E108"/>
    <mergeCell ref="D109:E109"/>
    <mergeCell ref="D100:E100"/>
    <mergeCell ref="B100:C100"/>
    <mergeCell ref="B66:C67"/>
    <mergeCell ref="D66:E67"/>
    <mergeCell ref="F66:G66"/>
    <mergeCell ref="H66:I66"/>
    <mergeCell ref="F67:G67"/>
    <mergeCell ref="H67:I67"/>
    <mergeCell ref="B68:C68"/>
    <mergeCell ref="B69:C69"/>
    <mergeCell ref="F68:G68"/>
    <mergeCell ref="F69:G69"/>
    <mergeCell ref="H68:I68"/>
    <mergeCell ref="B70:C70"/>
    <mergeCell ref="B71:C71"/>
    <mergeCell ref="B72:C72"/>
    <mergeCell ref="B73:C73"/>
    <mergeCell ref="B74:C74"/>
    <mergeCell ref="B75:C75"/>
    <mergeCell ref="B76:C76"/>
    <mergeCell ref="D68:E68"/>
    <mergeCell ref="D69:E69"/>
    <mergeCell ref="D71:E71"/>
    <mergeCell ref="D72:E72"/>
    <mergeCell ref="D73:E73"/>
    <mergeCell ref="D74:E74"/>
    <mergeCell ref="D75:E75"/>
    <mergeCell ref="D76:E76"/>
    <mergeCell ref="D70:E70"/>
    <mergeCell ref="F70:G70"/>
    <mergeCell ref="F71:G71"/>
    <mergeCell ref="F72:G72"/>
    <mergeCell ref="F73:G73"/>
    <mergeCell ref="F74:G74"/>
    <mergeCell ref="F75:G75"/>
    <mergeCell ref="F76:G76"/>
    <mergeCell ref="H69:I69"/>
    <mergeCell ref="H70:I70"/>
    <mergeCell ref="H71:I71"/>
    <mergeCell ref="H72:I72"/>
    <mergeCell ref="H73:I73"/>
    <mergeCell ref="H74:I74"/>
    <mergeCell ref="H75:I75"/>
    <mergeCell ref="H76:I76"/>
  </mergeCells>
  <printOptions horizontalCentered="1"/>
  <pageMargins left="0.19685039370078741" right="0.19685039370078741" top="0.19685039370078741" bottom="0.19685039370078741" header="0" footer="0"/>
  <pageSetup paperSize="9" scale="46"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00B050"/>
    <pageSetUpPr fitToPage="1"/>
  </sheetPr>
  <dimension ref="A1:R142"/>
  <sheetViews>
    <sheetView showGridLines="0" zoomScaleNormal="100" workbookViewId="0">
      <selection sqref="A1:XFD1048576"/>
    </sheetView>
  </sheetViews>
  <sheetFormatPr defaultColWidth="4.140625" defaultRowHeight="11.25" customHeight="1" x14ac:dyDescent="0.2"/>
  <cols>
    <col min="1" max="1" width="75.140625" style="152" customWidth="1"/>
    <col min="2" max="3" width="20.140625" style="1" bestFit="1" customWidth="1"/>
    <col min="4" max="8" width="15.7109375" style="1" customWidth="1"/>
    <col min="9" max="9" width="14.140625" style="1" customWidth="1"/>
    <col min="10" max="12" width="4.140625" style="1"/>
    <col min="13" max="13" width="22.140625" style="1" customWidth="1"/>
    <col min="14" max="14" width="16" style="1" customWidth="1"/>
    <col min="15" max="15" width="5.85546875" style="1" bestFit="1" customWidth="1"/>
    <col min="16" max="16384" width="4.140625" style="1"/>
  </cols>
  <sheetData>
    <row r="1" spans="1:9" s="24" customFormat="1" ht="11.25" customHeight="1" x14ac:dyDescent="0.2">
      <c r="A1" s="296"/>
      <c r="B1" s="296"/>
      <c r="C1" s="296"/>
      <c r="D1" s="296"/>
      <c r="E1" s="296"/>
      <c r="F1" s="296"/>
      <c r="G1" s="296"/>
      <c r="H1" s="296"/>
      <c r="I1" s="296"/>
    </row>
    <row r="2" spans="1:9" s="24" customFormat="1" ht="11.25" customHeight="1" x14ac:dyDescent="0.2">
      <c r="A2" s="153"/>
    </row>
    <row r="3" spans="1:9" s="43" customFormat="1" ht="10.5" x14ac:dyDescent="0.2">
      <c r="A3" s="731" t="s">
        <v>640</v>
      </c>
      <c r="B3" s="731"/>
      <c r="C3" s="731"/>
      <c r="D3" s="731"/>
      <c r="E3" s="731"/>
      <c r="F3" s="731"/>
      <c r="G3" s="731"/>
      <c r="H3" s="731"/>
      <c r="I3" s="731"/>
    </row>
    <row r="4" spans="1:9" s="43" customFormat="1" ht="10.5" x14ac:dyDescent="0.2">
      <c r="A4" s="731" t="s">
        <v>105</v>
      </c>
      <c r="B4" s="731"/>
      <c r="C4" s="731"/>
      <c r="D4" s="731"/>
      <c r="E4" s="731"/>
      <c r="F4" s="731"/>
      <c r="G4" s="731"/>
      <c r="H4" s="731"/>
      <c r="I4" s="731"/>
    </row>
    <row r="5" spans="1:9" s="43" customFormat="1" ht="10.5" x14ac:dyDescent="0.2">
      <c r="A5" s="731" t="s">
        <v>127</v>
      </c>
      <c r="B5" s="731"/>
      <c r="C5" s="731"/>
      <c r="D5" s="731"/>
      <c r="E5" s="731"/>
      <c r="F5" s="731"/>
      <c r="G5" s="731"/>
      <c r="H5" s="731"/>
      <c r="I5" s="731"/>
    </row>
    <row r="6" spans="1:9" s="43" customFormat="1" ht="10.5" x14ac:dyDescent="0.2">
      <c r="A6" s="731" t="s">
        <v>754</v>
      </c>
      <c r="B6" s="731"/>
      <c r="C6" s="731"/>
      <c r="D6" s="731"/>
      <c r="E6" s="731"/>
      <c r="F6" s="731"/>
      <c r="G6" s="731"/>
      <c r="H6" s="731"/>
      <c r="I6" s="731"/>
    </row>
    <row r="7" spans="1:9" s="43" customFormat="1" ht="10.5" x14ac:dyDescent="0.2">
      <c r="A7" s="731" t="s">
        <v>641</v>
      </c>
      <c r="B7" s="731"/>
      <c r="C7" s="731"/>
      <c r="D7" s="731"/>
      <c r="E7" s="731"/>
      <c r="F7" s="731"/>
      <c r="G7" s="731"/>
      <c r="H7" s="731"/>
      <c r="I7" s="731"/>
    </row>
    <row r="8" spans="1:9" s="24" customFormat="1" ht="11.25" customHeight="1" x14ac:dyDescent="0.2"/>
    <row r="9" spans="1:9" s="24" customFormat="1" ht="10.5" x14ac:dyDescent="0.2">
      <c r="A9" s="24" t="s">
        <v>366</v>
      </c>
      <c r="F9" s="840"/>
      <c r="G9" s="840"/>
      <c r="I9" s="220">
        <v>1</v>
      </c>
    </row>
    <row r="10" spans="1:9" ht="15" customHeight="1" x14ac:dyDescent="0.15">
      <c r="A10" s="783" t="s">
        <v>110</v>
      </c>
      <c r="B10" s="833" t="s">
        <v>108</v>
      </c>
      <c r="C10" s="834"/>
      <c r="D10" s="833" t="s">
        <v>108</v>
      </c>
      <c r="E10" s="834"/>
      <c r="F10" s="829" t="s">
        <v>109</v>
      </c>
      <c r="G10" s="823"/>
      <c r="H10" s="823"/>
      <c r="I10" s="823"/>
    </row>
    <row r="11" spans="1:9" ht="15" customHeight="1" x14ac:dyDescent="0.2">
      <c r="A11" s="784"/>
      <c r="B11" s="807" t="s">
        <v>111</v>
      </c>
      <c r="C11" s="787"/>
      <c r="D11" s="809" t="s">
        <v>112</v>
      </c>
      <c r="E11" s="784"/>
      <c r="F11" s="789" t="s">
        <v>115</v>
      </c>
      <c r="G11" s="783"/>
      <c r="H11" s="789" t="s">
        <v>115</v>
      </c>
      <c r="I11" s="790"/>
    </row>
    <row r="12" spans="1:9" ht="15" customHeight="1" x14ac:dyDescent="0.2">
      <c r="A12" s="785"/>
      <c r="B12" s="808"/>
      <c r="C12" s="788"/>
      <c r="D12" s="810"/>
      <c r="E12" s="785"/>
      <c r="F12" s="807">
        <v>2015</v>
      </c>
      <c r="G12" s="787"/>
      <c r="H12" s="809">
        <v>2014</v>
      </c>
      <c r="I12" s="811"/>
    </row>
    <row r="13" spans="1:9" s="65" customFormat="1" ht="10.5" x14ac:dyDescent="0.2">
      <c r="A13" s="155" t="s">
        <v>281</v>
      </c>
      <c r="B13" s="718">
        <v>15000000</v>
      </c>
      <c r="C13" s="719"/>
      <c r="D13" s="718">
        <v>18224938.990000002</v>
      </c>
      <c r="E13" s="719"/>
      <c r="F13" s="718">
        <v>3475156.73</v>
      </c>
      <c r="G13" s="719"/>
      <c r="H13" s="718">
        <v>1214908.9300000002</v>
      </c>
      <c r="I13" s="837"/>
    </row>
    <row r="14" spans="1:9" s="65" customFormat="1" ht="10.5" x14ac:dyDescent="0.2">
      <c r="A14" s="155" t="s">
        <v>8</v>
      </c>
      <c r="B14" s="720">
        <v>15000000</v>
      </c>
      <c r="C14" s="721"/>
      <c r="D14" s="720">
        <v>18224938.990000002</v>
      </c>
      <c r="E14" s="721"/>
      <c r="F14" s="720">
        <v>3475156.73</v>
      </c>
      <c r="G14" s="721"/>
      <c r="H14" s="720">
        <v>1214908.9300000002</v>
      </c>
      <c r="I14" s="838"/>
    </row>
    <row r="15" spans="1:9" ht="10.5" x14ac:dyDescent="0.2">
      <c r="A15" s="270" t="s">
        <v>128</v>
      </c>
      <c r="B15" s="722">
        <v>15000000</v>
      </c>
      <c r="C15" s="723"/>
      <c r="D15" s="722">
        <v>16971583.560000002</v>
      </c>
      <c r="E15" s="723"/>
      <c r="F15" s="722">
        <v>2221801.2999999998</v>
      </c>
      <c r="G15" s="723"/>
      <c r="H15" s="722">
        <v>1007945.79</v>
      </c>
      <c r="I15" s="815"/>
    </row>
    <row r="16" spans="1:9" ht="10.5" x14ac:dyDescent="0.2">
      <c r="A16" s="270" t="s">
        <v>282</v>
      </c>
      <c r="B16" s="722">
        <v>6000000</v>
      </c>
      <c r="C16" s="723"/>
      <c r="D16" s="722">
        <v>7971583.5600000005</v>
      </c>
      <c r="E16" s="723"/>
      <c r="F16" s="722">
        <v>1971583.56</v>
      </c>
      <c r="G16" s="723"/>
      <c r="H16" s="722">
        <v>1001338.05</v>
      </c>
      <c r="I16" s="815"/>
    </row>
    <row r="17" spans="1:9" ht="10.5" x14ac:dyDescent="0.2">
      <c r="A17" s="270" t="s">
        <v>129</v>
      </c>
      <c r="B17" s="722">
        <v>0</v>
      </c>
      <c r="C17" s="723"/>
      <c r="D17" s="722">
        <v>1971583.56</v>
      </c>
      <c r="E17" s="723"/>
      <c r="F17" s="722">
        <v>1971583.56</v>
      </c>
      <c r="G17" s="723"/>
      <c r="H17" s="722">
        <v>1001338.05</v>
      </c>
      <c r="I17" s="815"/>
    </row>
    <row r="18" spans="1:9" ht="10.5" x14ac:dyDescent="0.2">
      <c r="A18" s="270" t="s">
        <v>130</v>
      </c>
      <c r="B18" s="722">
        <v>5000000</v>
      </c>
      <c r="C18" s="723"/>
      <c r="D18" s="722">
        <v>5000000</v>
      </c>
      <c r="E18" s="723"/>
      <c r="F18" s="722">
        <v>0</v>
      </c>
      <c r="G18" s="723"/>
      <c r="H18" s="722">
        <v>0</v>
      </c>
      <c r="I18" s="815"/>
    </row>
    <row r="19" spans="1:9" ht="10.5" x14ac:dyDescent="0.2">
      <c r="A19" s="270" t="s">
        <v>131</v>
      </c>
      <c r="B19" s="722">
        <v>1000000</v>
      </c>
      <c r="C19" s="723"/>
      <c r="D19" s="722">
        <v>1000000</v>
      </c>
      <c r="E19" s="723"/>
      <c r="F19" s="722">
        <v>0</v>
      </c>
      <c r="G19" s="723"/>
      <c r="H19" s="722">
        <v>0</v>
      </c>
      <c r="I19" s="815"/>
    </row>
    <row r="20" spans="1:9" ht="10.5" x14ac:dyDescent="0.2">
      <c r="A20" s="270" t="s">
        <v>283</v>
      </c>
      <c r="B20" s="722">
        <v>9000000</v>
      </c>
      <c r="C20" s="723"/>
      <c r="D20" s="722">
        <v>9000000</v>
      </c>
      <c r="E20" s="723"/>
      <c r="F20" s="722">
        <v>250217.74</v>
      </c>
      <c r="G20" s="723"/>
      <c r="H20" s="722">
        <v>6607.74</v>
      </c>
      <c r="I20" s="815"/>
    </row>
    <row r="21" spans="1:9" ht="10.5" x14ac:dyDescent="0.2">
      <c r="A21" s="270" t="s">
        <v>132</v>
      </c>
      <c r="B21" s="722">
        <v>8000000</v>
      </c>
      <c r="C21" s="723"/>
      <c r="D21" s="722">
        <v>8000000</v>
      </c>
      <c r="E21" s="723"/>
      <c r="F21" s="722">
        <v>250217.74</v>
      </c>
      <c r="G21" s="723"/>
      <c r="H21" s="722">
        <v>6607.74</v>
      </c>
      <c r="I21" s="815"/>
    </row>
    <row r="22" spans="1:9" ht="10.5" x14ac:dyDescent="0.2">
      <c r="A22" s="270" t="s">
        <v>133</v>
      </c>
      <c r="B22" s="722">
        <v>1000000</v>
      </c>
      <c r="C22" s="723"/>
      <c r="D22" s="722">
        <v>1000000</v>
      </c>
      <c r="E22" s="723"/>
      <c r="F22" s="722">
        <v>0</v>
      </c>
      <c r="G22" s="723"/>
      <c r="H22" s="722">
        <v>0</v>
      </c>
      <c r="I22" s="815"/>
    </row>
    <row r="23" spans="1:9" ht="10.5" x14ac:dyDescent="0.2">
      <c r="A23" s="270" t="s">
        <v>758</v>
      </c>
      <c r="B23" s="722">
        <v>0</v>
      </c>
      <c r="C23" s="723"/>
      <c r="D23" s="722">
        <v>0</v>
      </c>
      <c r="E23" s="723"/>
      <c r="F23" s="722">
        <v>0</v>
      </c>
      <c r="G23" s="723"/>
      <c r="H23" s="722">
        <v>0</v>
      </c>
      <c r="I23" s="815"/>
    </row>
    <row r="24" spans="1:9" ht="10.5" x14ac:dyDescent="0.2">
      <c r="A24" s="270" t="s">
        <v>155</v>
      </c>
      <c r="B24" s="722">
        <v>0</v>
      </c>
      <c r="C24" s="723"/>
      <c r="D24" s="722">
        <v>219010.93</v>
      </c>
      <c r="E24" s="723"/>
      <c r="F24" s="722">
        <v>219010.93</v>
      </c>
      <c r="G24" s="723"/>
      <c r="H24" s="722">
        <v>1161.78</v>
      </c>
      <c r="I24" s="815"/>
    </row>
    <row r="25" spans="1:9" ht="10.5" x14ac:dyDescent="0.2">
      <c r="A25" s="270" t="s">
        <v>311</v>
      </c>
      <c r="B25" s="722">
        <v>0</v>
      </c>
      <c r="C25" s="723"/>
      <c r="D25" s="722">
        <v>1034344.5</v>
      </c>
      <c r="E25" s="723"/>
      <c r="F25" s="722">
        <v>1034344.5</v>
      </c>
      <c r="G25" s="723"/>
      <c r="H25" s="722">
        <v>205801.36</v>
      </c>
      <c r="I25" s="815"/>
    </row>
    <row r="26" spans="1:9" ht="10.5" x14ac:dyDescent="0.2">
      <c r="A26" s="270" t="s">
        <v>16</v>
      </c>
      <c r="B26" s="722">
        <v>0</v>
      </c>
      <c r="C26" s="723"/>
      <c r="D26" s="722">
        <v>0</v>
      </c>
      <c r="E26" s="723"/>
      <c r="F26" s="722">
        <v>0</v>
      </c>
      <c r="G26" s="723"/>
      <c r="H26" s="722">
        <v>0</v>
      </c>
      <c r="I26" s="815"/>
    </row>
    <row r="27" spans="1:9" ht="10.5" x14ac:dyDescent="0.2">
      <c r="A27" s="270" t="s">
        <v>17</v>
      </c>
      <c r="B27" s="722">
        <v>0</v>
      </c>
      <c r="C27" s="723"/>
      <c r="D27" s="722">
        <v>1034344.5</v>
      </c>
      <c r="E27" s="723"/>
      <c r="F27" s="722">
        <v>1034344.5</v>
      </c>
      <c r="G27" s="723"/>
      <c r="H27" s="722">
        <v>205801.36</v>
      </c>
      <c r="I27" s="815"/>
    </row>
    <row r="28" spans="1:9" ht="10.5" x14ac:dyDescent="0.2">
      <c r="A28" s="270" t="s">
        <v>19</v>
      </c>
      <c r="B28" s="722">
        <v>0</v>
      </c>
      <c r="C28" s="723"/>
      <c r="D28" s="722">
        <v>0</v>
      </c>
      <c r="E28" s="723"/>
      <c r="F28" s="722">
        <v>0</v>
      </c>
      <c r="G28" s="723"/>
      <c r="H28" s="722">
        <v>0</v>
      </c>
      <c r="I28" s="815"/>
    </row>
    <row r="29" spans="1:9" ht="10.5" x14ac:dyDescent="0.2">
      <c r="A29" s="270" t="s">
        <v>227</v>
      </c>
      <c r="B29" s="722">
        <v>0</v>
      </c>
      <c r="C29" s="723"/>
      <c r="D29" s="722">
        <v>0</v>
      </c>
      <c r="E29" s="723"/>
      <c r="F29" s="722">
        <v>0</v>
      </c>
      <c r="G29" s="723"/>
      <c r="H29" s="722">
        <v>0</v>
      </c>
      <c r="I29" s="815"/>
    </row>
    <row r="30" spans="1:9" ht="10.5" x14ac:dyDescent="0.2">
      <c r="A30" s="53" t="s">
        <v>284</v>
      </c>
      <c r="B30" s="722">
        <v>0</v>
      </c>
      <c r="C30" s="723"/>
      <c r="D30" s="722">
        <v>0</v>
      </c>
      <c r="E30" s="723"/>
      <c r="F30" s="722">
        <v>0</v>
      </c>
      <c r="G30" s="723"/>
      <c r="H30" s="722">
        <v>0</v>
      </c>
      <c r="I30" s="815"/>
    </row>
    <row r="31" spans="1:9" ht="10.5" x14ac:dyDescent="0.2">
      <c r="A31" s="121" t="s">
        <v>544</v>
      </c>
      <c r="B31" s="722">
        <v>0</v>
      </c>
      <c r="C31" s="723"/>
      <c r="D31" s="722">
        <v>0</v>
      </c>
      <c r="E31" s="723"/>
      <c r="F31" s="722">
        <v>0</v>
      </c>
      <c r="G31" s="723"/>
      <c r="H31" s="722">
        <v>0</v>
      </c>
      <c r="I31" s="815"/>
    </row>
    <row r="32" spans="1:9" ht="10.5" x14ac:dyDescent="0.2">
      <c r="A32" s="121" t="s">
        <v>545</v>
      </c>
      <c r="B32" s="722">
        <v>0</v>
      </c>
      <c r="C32" s="723"/>
      <c r="D32" s="722">
        <v>0</v>
      </c>
      <c r="E32" s="723"/>
      <c r="F32" s="722">
        <v>0</v>
      </c>
      <c r="G32" s="723"/>
      <c r="H32" s="722">
        <v>0</v>
      </c>
      <c r="I32" s="815"/>
    </row>
    <row r="33" spans="1:9" s="65" customFormat="1" ht="10.5" x14ac:dyDescent="0.2">
      <c r="A33" s="156" t="s">
        <v>40</v>
      </c>
      <c r="B33" s="720">
        <v>0</v>
      </c>
      <c r="C33" s="721"/>
      <c r="D33" s="720">
        <v>0</v>
      </c>
      <c r="E33" s="721"/>
      <c r="F33" s="720">
        <v>0</v>
      </c>
      <c r="G33" s="721"/>
      <c r="H33" s="720">
        <v>0</v>
      </c>
      <c r="I33" s="838"/>
    </row>
    <row r="34" spans="1:9" ht="10.5" x14ac:dyDescent="0.2">
      <c r="A34" s="121" t="s">
        <v>120</v>
      </c>
      <c r="B34" s="722">
        <v>0</v>
      </c>
      <c r="C34" s="723"/>
      <c r="D34" s="722">
        <v>0</v>
      </c>
      <c r="E34" s="723"/>
      <c r="F34" s="722">
        <v>0</v>
      </c>
      <c r="G34" s="723"/>
      <c r="H34" s="722">
        <v>0</v>
      </c>
      <c r="I34" s="815"/>
    </row>
    <row r="35" spans="1:9" ht="10.5" x14ac:dyDescent="0.2">
      <c r="A35" s="270" t="s">
        <v>228</v>
      </c>
      <c r="B35" s="722">
        <v>0</v>
      </c>
      <c r="C35" s="723"/>
      <c r="D35" s="722">
        <v>0</v>
      </c>
      <c r="E35" s="723"/>
      <c r="F35" s="722">
        <v>0</v>
      </c>
      <c r="G35" s="723"/>
      <c r="H35" s="722">
        <v>0</v>
      </c>
      <c r="I35" s="815"/>
    </row>
    <row r="36" spans="1:9" ht="10.5" x14ac:dyDescent="0.2">
      <c r="A36" s="121" t="s">
        <v>285</v>
      </c>
      <c r="B36" s="722">
        <v>0</v>
      </c>
      <c r="C36" s="723"/>
      <c r="D36" s="722">
        <v>0</v>
      </c>
      <c r="E36" s="723"/>
      <c r="F36" s="722">
        <v>0</v>
      </c>
      <c r="G36" s="723"/>
      <c r="H36" s="722">
        <v>0</v>
      </c>
      <c r="I36" s="815"/>
    </row>
    <row r="37" spans="1:9" s="152" customFormat="1" ht="10.5" x14ac:dyDescent="0.2">
      <c r="A37" s="65"/>
      <c r="B37" s="722"/>
      <c r="C37" s="723"/>
      <c r="D37" s="722">
        <v>0</v>
      </c>
      <c r="E37" s="723"/>
      <c r="F37" s="722">
        <v>0</v>
      </c>
      <c r="G37" s="723"/>
      <c r="H37" s="722">
        <v>0</v>
      </c>
      <c r="I37" s="815"/>
    </row>
    <row r="38" spans="1:9" s="65" customFormat="1" ht="15" customHeight="1" x14ac:dyDescent="0.2">
      <c r="A38" s="157" t="s">
        <v>546</v>
      </c>
      <c r="B38" s="749">
        <v>15495000</v>
      </c>
      <c r="C38" s="750"/>
      <c r="D38" s="749">
        <v>15495000</v>
      </c>
      <c r="E38" s="750"/>
      <c r="F38" s="749">
        <v>5473791.3499999996</v>
      </c>
      <c r="G38" s="750"/>
      <c r="H38" s="749">
        <v>2011799.91</v>
      </c>
      <c r="I38" s="839"/>
    </row>
    <row r="39" spans="1:9" ht="18.75" customHeight="1" x14ac:dyDescent="0.2">
      <c r="A39" s="122" t="s">
        <v>778</v>
      </c>
      <c r="B39" s="703">
        <v>30495000</v>
      </c>
      <c r="C39" s="704"/>
      <c r="D39" s="703">
        <v>33719938.990000002</v>
      </c>
      <c r="E39" s="704"/>
      <c r="F39" s="703">
        <v>8948948.0800000001</v>
      </c>
      <c r="G39" s="704"/>
      <c r="H39" s="703">
        <v>3226708.84</v>
      </c>
      <c r="I39" s="816"/>
    </row>
    <row r="40" spans="1:9" ht="5.0999999999999996" customHeight="1" x14ac:dyDescent="0.2">
      <c r="A40" s="123"/>
      <c r="B40" s="120"/>
      <c r="C40" s="120"/>
      <c r="D40" s="15"/>
      <c r="E40" s="120"/>
      <c r="F40" s="73"/>
      <c r="G40" s="73"/>
      <c r="H40" s="23"/>
      <c r="I40" s="23"/>
    </row>
    <row r="41" spans="1:9" ht="30" customHeight="1" x14ac:dyDescent="0.15">
      <c r="A41" s="783" t="s">
        <v>160</v>
      </c>
      <c r="B41" s="195" t="s">
        <v>157</v>
      </c>
      <c r="C41" s="195" t="s">
        <v>157</v>
      </c>
      <c r="D41" s="740" t="s">
        <v>158</v>
      </c>
      <c r="E41" s="742"/>
      <c r="F41" s="776" t="s">
        <v>159</v>
      </c>
      <c r="G41" s="778"/>
      <c r="H41" s="776" t="s">
        <v>347</v>
      </c>
      <c r="I41" s="777"/>
    </row>
    <row r="42" spans="1:9" ht="15" customHeight="1" x14ac:dyDescent="0.2">
      <c r="A42" s="784"/>
      <c r="B42" s="841" t="s">
        <v>111</v>
      </c>
      <c r="C42" s="841" t="s">
        <v>112</v>
      </c>
      <c r="D42" s="321" t="s">
        <v>115</v>
      </c>
      <c r="E42" s="321" t="s">
        <v>115</v>
      </c>
      <c r="F42" s="321" t="s">
        <v>115</v>
      </c>
      <c r="G42" s="321" t="s">
        <v>115</v>
      </c>
      <c r="H42" s="835" t="s">
        <v>755</v>
      </c>
      <c r="I42" s="829" t="s">
        <v>756</v>
      </c>
    </row>
    <row r="43" spans="1:9" ht="15" customHeight="1" x14ac:dyDescent="0.2">
      <c r="A43" s="785"/>
      <c r="B43" s="780"/>
      <c r="C43" s="780"/>
      <c r="D43" s="326">
        <v>2015</v>
      </c>
      <c r="E43" s="325">
        <v>2014</v>
      </c>
      <c r="F43" s="326">
        <v>2015</v>
      </c>
      <c r="G43" s="325">
        <v>2014</v>
      </c>
      <c r="H43" s="836"/>
      <c r="I43" s="808"/>
    </row>
    <row r="44" spans="1:9" s="65" customFormat="1" ht="10.5" x14ac:dyDescent="0.2">
      <c r="A44" s="158" t="s">
        <v>134</v>
      </c>
      <c r="B44" s="529">
        <v>30495000</v>
      </c>
      <c r="C44" s="529">
        <v>30495000</v>
      </c>
      <c r="D44" s="529">
        <v>337500</v>
      </c>
      <c r="E44" s="529">
        <v>98597</v>
      </c>
      <c r="F44" s="529">
        <v>38462.11</v>
      </c>
      <c r="G44" s="529">
        <v>64335.32</v>
      </c>
      <c r="H44" s="572">
        <v>0</v>
      </c>
      <c r="I44" s="515">
        <v>0</v>
      </c>
    </row>
    <row r="45" spans="1:9" s="65" customFormat="1" ht="10.5" x14ac:dyDescent="0.2">
      <c r="A45" s="65" t="s">
        <v>280</v>
      </c>
      <c r="B45" s="527">
        <v>28960200</v>
      </c>
      <c r="C45" s="527">
        <v>29266200</v>
      </c>
      <c r="D45" s="527">
        <v>0</v>
      </c>
      <c r="E45" s="527">
        <v>0</v>
      </c>
      <c r="F45" s="527">
        <v>0</v>
      </c>
      <c r="G45" s="527">
        <v>0</v>
      </c>
      <c r="H45" s="527">
        <v>0</v>
      </c>
      <c r="I45" s="465">
        <v>0</v>
      </c>
    </row>
    <row r="46" spans="1:9" ht="10.5" x14ac:dyDescent="0.2">
      <c r="A46" s="24" t="s">
        <v>286</v>
      </c>
      <c r="B46" s="524">
        <v>28960200</v>
      </c>
      <c r="C46" s="524">
        <v>29266200</v>
      </c>
      <c r="D46" s="527">
        <v>0</v>
      </c>
      <c r="E46" s="524">
        <v>0</v>
      </c>
      <c r="F46" s="524">
        <v>0</v>
      </c>
      <c r="G46" s="524"/>
      <c r="H46" s="524">
        <v>0</v>
      </c>
      <c r="I46" s="464">
        <v>0</v>
      </c>
    </row>
    <row r="47" spans="1:9" ht="10.5" x14ac:dyDescent="0.2">
      <c r="A47" s="24" t="s">
        <v>287</v>
      </c>
      <c r="B47" s="524">
        <v>0</v>
      </c>
      <c r="C47" s="524">
        <v>0</v>
      </c>
      <c r="D47" s="527">
        <v>0</v>
      </c>
      <c r="E47" s="524">
        <v>0</v>
      </c>
      <c r="F47" s="524">
        <v>0</v>
      </c>
      <c r="G47" s="524"/>
      <c r="H47" s="524">
        <v>0</v>
      </c>
      <c r="I47" s="464">
        <v>0</v>
      </c>
    </row>
    <row r="48" spans="1:9" s="65" customFormat="1" ht="10.5" x14ac:dyDescent="0.2">
      <c r="A48" s="296" t="s">
        <v>135</v>
      </c>
      <c r="B48" s="527">
        <v>1534800</v>
      </c>
      <c r="C48" s="527">
        <v>1228800</v>
      </c>
      <c r="D48" s="527">
        <v>337500</v>
      </c>
      <c r="E48" s="527">
        <v>98597</v>
      </c>
      <c r="F48" s="527">
        <v>38462.11</v>
      </c>
      <c r="G48" s="527">
        <v>64335.32</v>
      </c>
      <c r="H48" s="527">
        <v>0</v>
      </c>
      <c r="I48" s="465">
        <v>0</v>
      </c>
    </row>
    <row r="49" spans="1:9" ht="10.5" x14ac:dyDescent="0.2">
      <c r="A49" s="24" t="s">
        <v>201</v>
      </c>
      <c r="B49" s="524">
        <v>632400</v>
      </c>
      <c r="C49" s="524">
        <v>1228800</v>
      </c>
      <c r="D49" s="524">
        <v>337500</v>
      </c>
      <c r="E49" s="524">
        <v>98597</v>
      </c>
      <c r="F49" s="524">
        <v>38462.11</v>
      </c>
      <c r="G49" s="524">
        <v>64335.32</v>
      </c>
      <c r="H49" s="524">
        <v>0</v>
      </c>
      <c r="I49" s="464">
        <v>0</v>
      </c>
    </row>
    <row r="50" spans="1:9" ht="10.5" x14ac:dyDescent="0.2">
      <c r="A50" s="24" t="s">
        <v>288</v>
      </c>
      <c r="B50" s="524">
        <v>74400</v>
      </c>
      <c r="C50" s="524">
        <v>891300</v>
      </c>
      <c r="D50" s="524">
        <v>0</v>
      </c>
      <c r="E50" s="524">
        <v>0</v>
      </c>
      <c r="F50" s="524">
        <v>0</v>
      </c>
      <c r="G50" s="524">
        <v>0</v>
      </c>
      <c r="H50" s="524">
        <v>0</v>
      </c>
      <c r="I50" s="464">
        <v>0</v>
      </c>
    </row>
    <row r="51" spans="1:9" ht="10.5" x14ac:dyDescent="0.2">
      <c r="A51" s="24" t="s">
        <v>289</v>
      </c>
      <c r="B51" s="524">
        <v>78000</v>
      </c>
      <c r="C51" s="524">
        <v>0</v>
      </c>
      <c r="D51" s="524">
        <v>0</v>
      </c>
      <c r="E51" s="524">
        <v>0</v>
      </c>
      <c r="F51" s="524">
        <v>0</v>
      </c>
      <c r="G51" s="524">
        <v>0</v>
      </c>
      <c r="H51" s="524">
        <v>0</v>
      </c>
      <c r="I51" s="464">
        <v>0</v>
      </c>
    </row>
    <row r="52" spans="1:9" ht="10.5" x14ac:dyDescent="0.15">
      <c r="A52" s="24" t="s">
        <v>290</v>
      </c>
      <c r="B52" s="565">
        <v>480000</v>
      </c>
      <c r="C52" s="660">
        <v>337500</v>
      </c>
      <c r="D52" s="565">
        <v>337500</v>
      </c>
      <c r="E52" s="565">
        <v>98597</v>
      </c>
      <c r="F52" s="565">
        <v>38462.11</v>
      </c>
      <c r="G52" s="565">
        <v>64335.32</v>
      </c>
      <c r="H52" s="573">
        <v>0</v>
      </c>
      <c r="I52" s="574">
        <v>0</v>
      </c>
    </row>
    <row r="53" spans="1:9" ht="10.5" x14ac:dyDescent="0.15">
      <c r="A53" s="24" t="s">
        <v>202</v>
      </c>
      <c r="B53" s="546">
        <v>902400</v>
      </c>
      <c r="C53" s="660">
        <v>0</v>
      </c>
      <c r="D53" s="524">
        <v>0</v>
      </c>
      <c r="E53" s="524">
        <v>0</v>
      </c>
      <c r="F53" s="565">
        <v>0</v>
      </c>
      <c r="G53" s="565">
        <v>0</v>
      </c>
      <c r="H53" s="565">
        <v>0</v>
      </c>
      <c r="I53" s="574">
        <v>0</v>
      </c>
    </row>
    <row r="54" spans="1:9" ht="10.5" x14ac:dyDescent="0.15">
      <c r="A54" s="24" t="s">
        <v>291</v>
      </c>
      <c r="B54" s="565">
        <v>44400</v>
      </c>
      <c r="C54" s="660">
        <v>0</v>
      </c>
      <c r="D54" s="524">
        <v>0</v>
      </c>
      <c r="E54" s="565">
        <v>0</v>
      </c>
      <c r="F54" s="565">
        <v>0</v>
      </c>
      <c r="G54" s="565">
        <v>0</v>
      </c>
      <c r="H54" s="565">
        <v>0</v>
      </c>
      <c r="I54" s="574">
        <v>0</v>
      </c>
    </row>
    <row r="55" spans="1:9" ht="10.5" x14ac:dyDescent="0.15">
      <c r="A55" s="24" t="s">
        <v>289</v>
      </c>
      <c r="B55" s="565">
        <v>18000</v>
      </c>
      <c r="C55" s="660">
        <v>0</v>
      </c>
      <c r="D55" s="524">
        <v>0</v>
      </c>
      <c r="E55" s="565">
        <v>0</v>
      </c>
      <c r="F55" s="565">
        <v>0</v>
      </c>
      <c r="G55" s="565">
        <v>0</v>
      </c>
      <c r="H55" s="565">
        <v>0</v>
      </c>
      <c r="I55" s="574">
        <v>0</v>
      </c>
    </row>
    <row r="56" spans="1:9" ht="10.5" x14ac:dyDescent="0.15">
      <c r="A56" s="24" t="s">
        <v>290</v>
      </c>
      <c r="B56" s="524">
        <v>840000</v>
      </c>
      <c r="C56" s="524">
        <v>0</v>
      </c>
      <c r="D56" s="524">
        <v>0</v>
      </c>
      <c r="E56" s="565">
        <v>0</v>
      </c>
      <c r="F56" s="565">
        <v>0</v>
      </c>
      <c r="G56" s="565">
        <v>0</v>
      </c>
      <c r="H56" s="565">
        <v>0</v>
      </c>
      <c r="I56" s="574">
        <v>0</v>
      </c>
    </row>
    <row r="57" spans="1:9" ht="10.5" x14ac:dyDescent="0.2">
      <c r="A57" s="24" t="s">
        <v>292</v>
      </c>
      <c r="B57" s="524">
        <v>0</v>
      </c>
      <c r="C57" s="524">
        <v>0</v>
      </c>
      <c r="D57" s="524">
        <v>0</v>
      </c>
      <c r="E57" s="524">
        <v>0</v>
      </c>
      <c r="F57" s="524">
        <v>0</v>
      </c>
      <c r="G57" s="524">
        <v>0</v>
      </c>
      <c r="H57" s="524">
        <v>0</v>
      </c>
      <c r="I57" s="464">
        <v>0</v>
      </c>
    </row>
    <row r="58" spans="1:9" ht="10.5" x14ac:dyDescent="0.15">
      <c r="A58" s="24" t="s">
        <v>229</v>
      </c>
      <c r="B58" s="524">
        <v>0</v>
      </c>
      <c r="C58" s="524">
        <v>0</v>
      </c>
      <c r="D58" s="524">
        <v>0</v>
      </c>
      <c r="E58" s="565">
        <v>0</v>
      </c>
      <c r="F58" s="565">
        <v>0</v>
      </c>
      <c r="G58" s="565">
        <v>0</v>
      </c>
      <c r="H58" s="565">
        <v>0</v>
      </c>
      <c r="I58" s="574">
        <v>0</v>
      </c>
    </row>
    <row r="59" spans="1:9" ht="10.5" x14ac:dyDescent="0.15">
      <c r="A59" s="24" t="s">
        <v>60</v>
      </c>
      <c r="B59" s="524">
        <v>0</v>
      </c>
      <c r="C59" s="524">
        <v>0</v>
      </c>
      <c r="D59" s="524">
        <v>0</v>
      </c>
      <c r="E59" s="565">
        <v>0</v>
      </c>
      <c r="F59" s="565">
        <v>0</v>
      </c>
      <c r="G59" s="565">
        <v>0</v>
      </c>
      <c r="H59" s="565">
        <v>0</v>
      </c>
      <c r="I59" s="574">
        <v>0</v>
      </c>
    </row>
    <row r="60" spans="1:9" s="65" customFormat="1" ht="15" customHeight="1" x14ac:dyDescent="0.2">
      <c r="A60" s="337" t="s">
        <v>547</v>
      </c>
      <c r="B60" s="527">
        <v>0</v>
      </c>
      <c r="C60" s="527">
        <v>0</v>
      </c>
      <c r="D60" s="527">
        <v>0</v>
      </c>
      <c r="E60" s="527">
        <v>0</v>
      </c>
      <c r="F60" s="527">
        <v>0</v>
      </c>
      <c r="G60" s="527">
        <v>0</v>
      </c>
      <c r="H60" s="527">
        <v>0</v>
      </c>
      <c r="I60" s="513">
        <v>0</v>
      </c>
    </row>
    <row r="61" spans="1:9" s="65" customFormat="1" ht="15" customHeight="1" x14ac:dyDescent="0.2">
      <c r="A61" s="25" t="s">
        <v>759</v>
      </c>
      <c r="B61" s="364">
        <v>30495000</v>
      </c>
      <c r="C61" s="364">
        <v>30495000</v>
      </c>
      <c r="D61" s="364">
        <v>337500</v>
      </c>
      <c r="E61" s="364">
        <v>98597</v>
      </c>
      <c r="F61" s="364">
        <v>38462.11</v>
      </c>
      <c r="G61" s="364">
        <v>64335.32</v>
      </c>
      <c r="H61" s="364">
        <v>0</v>
      </c>
      <c r="I61" s="365">
        <v>0</v>
      </c>
    </row>
    <row r="62" spans="1:9" s="19" customFormat="1" ht="5.0999999999999996" customHeight="1" x14ac:dyDescent="0.2">
      <c r="A62" s="125"/>
      <c r="B62" s="454"/>
      <c r="C62" s="454"/>
      <c r="D62" s="454"/>
      <c r="E62" s="454"/>
      <c r="F62" s="571"/>
      <c r="G62" s="571"/>
      <c r="H62" s="571"/>
      <c r="I62" s="571"/>
    </row>
    <row r="63" spans="1:9" s="65" customFormat="1" ht="15" customHeight="1" x14ac:dyDescent="0.2">
      <c r="A63" s="25" t="s">
        <v>548</v>
      </c>
      <c r="B63" s="364">
        <v>0</v>
      </c>
      <c r="C63" s="364">
        <v>3224938.9900000021</v>
      </c>
      <c r="D63" s="364"/>
      <c r="E63" s="364"/>
      <c r="F63" s="364">
        <v>8910485.9700000007</v>
      </c>
      <c r="G63" s="364">
        <v>3162373.52</v>
      </c>
      <c r="H63" s="364"/>
      <c r="I63" s="365"/>
    </row>
    <row r="64" spans="1:9" ht="5.0999999999999996" customHeight="1" x14ac:dyDescent="0.2">
      <c r="A64" s="29"/>
      <c r="B64" s="26"/>
      <c r="C64" s="26"/>
      <c r="D64" s="26"/>
      <c r="E64" s="26"/>
      <c r="F64" s="210"/>
      <c r="G64" s="210"/>
      <c r="H64" s="210"/>
      <c r="I64" s="210"/>
    </row>
    <row r="65" spans="1:9" ht="12.75" customHeight="1" x14ac:dyDescent="0.15">
      <c r="A65" s="786" t="s">
        <v>549</v>
      </c>
      <c r="B65" s="833" t="s">
        <v>108</v>
      </c>
      <c r="C65" s="834"/>
      <c r="D65" s="833" t="s">
        <v>108</v>
      </c>
      <c r="E65" s="834"/>
      <c r="F65" s="829" t="s">
        <v>109</v>
      </c>
      <c r="G65" s="823"/>
      <c r="H65" s="823"/>
      <c r="I65" s="823"/>
    </row>
    <row r="66" spans="1:9" ht="10.5" x14ac:dyDescent="0.2">
      <c r="A66" s="787"/>
      <c r="B66" s="807" t="s">
        <v>111</v>
      </c>
      <c r="C66" s="787"/>
      <c r="D66" s="809" t="s">
        <v>112</v>
      </c>
      <c r="E66" s="784"/>
      <c r="F66" s="789" t="s">
        <v>115</v>
      </c>
      <c r="G66" s="783"/>
      <c r="H66" s="789" t="s">
        <v>115</v>
      </c>
      <c r="I66" s="790"/>
    </row>
    <row r="67" spans="1:9" ht="10.5" x14ac:dyDescent="0.2">
      <c r="A67" s="788"/>
      <c r="B67" s="808"/>
      <c r="C67" s="788"/>
      <c r="D67" s="810"/>
      <c r="E67" s="785"/>
      <c r="F67" s="807">
        <v>2015</v>
      </c>
      <c r="G67" s="787"/>
      <c r="H67" s="809">
        <v>2014</v>
      </c>
      <c r="I67" s="811"/>
    </row>
    <row r="68" spans="1:9" s="65" customFormat="1" ht="12.75" x14ac:dyDescent="0.2">
      <c r="A68" s="159" t="s">
        <v>136</v>
      </c>
      <c r="B68" s="830">
        <v>0</v>
      </c>
      <c r="C68" s="832"/>
      <c r="D68" s="830">
        <v>0</v>
      </c>
      <c r="E68" s="850"/>
      <c r="F68" s="830">
        <v>0</v>
      </c>
      <c r="G68" s="832"/>
      <c r="H68" s="830">
        <v>0</v>
      </c>
      <c r="I68" s="831"/>
    </row>
    <row r="69" spans="1:9" s="65" customFormat="1" ht="12.75" x14ac:dyDescent="0.2">
      <c r="A69" s="159" t="s">
        <v>137</v>
      </c>
      <c r="B69" s="799">
        <v>0</v>
      </c>
      <c r="C69" s="803"/>
      <c r="D69" s="799">
        <v>0</v>
      </c>
      <c r="E69" s="848"/>
      <c r="F69" s="799">
        <v>0</v>
      </c>
      <c r="G69" s="803"/>
      <c r="H69" s="799">
        <v>0</v>
      </c>
      <c r="I69" s="800"/>
    </row>
    <row r="70" spans="1:9" ht="12.75" x14ac:dyDescent="0.2">
      <c r="A70" s="117" t="s">
        <v>138</v>
      </c>
      <c r="B70" s="799"/>
      <c r="C70" s="803"/>
      <c r="D70" s="799"/>
      <c r="E70" s="848"/>
      <c r="F70" s="799"/>
      <c r="G70" s="803"/>
      <c r="H70" s="799"/>
      <c r="I70" s="800"/>
    </row>
    <row r="71" spans="1:9" ht="12.75" x14ac:dyDescent="0.2">
      <c r="A71" s="117" t="s">
        <v>139</v>
      </c>
      <c r="B71" s="799"/>
      <c r="C71" s="803"/>
      <c r="D71" s="799"/>
      <c r="E71" s="848"/>
      <c r="F71" s="799"/>
      <c r="G71" s="803"/>
      <c r="H71" s="799"/>
      <c r="I71" s="800"/>
    </row>
    <row r="72" spans="1:9" ht="12.75" x14ac:dyDescent="0.2">
      <c r="A72" s="117" t="s">
        <v>140</v>
      </c>
      <c r="B72" s="799"/>
      <c r="C72" s="803"/>
      <c r="D72" s="799"/>
      <c r="E72" s="848"/>
      <c r="F72" s="799"/>
      <c r="G72" s="803"/>
      <c r="H72" s="799"/>
      <c r="I72" s="800"/>
    </row>
    <row r="73" spans="1:9" s="65" customFormat="1" ht="12.75" x14ac:dyDescent="0.2">
      <c r="A73" s="159" t="s">
        <v>141</v>
      </c>
      <c r="B73" s="799">
        <v>0</v>
      </c>
      <c r="C73" s="803"/>
      <c r="D73" s="799">
        <v>0</v>
      </c>
      <c r="E73" s="848"/>
      <c r="F73" s="799">
        <v>0</v>
      </c>
      <c r="G73" s="803"/>
      <c r="H73" s="799">
        <v>0</v>
      </c>
      <c r="I73" s="800"/>
    </row>
    <row r="74" spans="1:9" ht="12.75" x14ac:dyDescent="0.2">
      <c r="A74" s="117" t="s">
        <v>142</v>
      </c>
      <c r="B74" s="799"/>
      <c r="C74" s="803"/>
      <c r="D74" s="799"/>
      <c r="E74" s="848"/>
      <c r="F74" s="799"/>
      <c r="G74" s="803"/>
      <c r="H74" s="799"/>
      <c r="I74" s="800"/>
    </row>
    <row r="75" spans="1:9" ht="12.75" x14ac:dyDescent="0.2">
      <c r="A75" s="117" t="s">
        <v>143</v>
      </c>
      <c r="B75" s="799"/>
      <c r="C75" s="803"/>
      <c r="D75" s="799"/>
      <c r="E75" s="848"/>
      <c r="F75" s="799"/>
      <c r="G75" s="803"/>
      <c r="H75" s="799"/>
      <c r="I75" s="800"/>
    </row>
    <row r="76" spans="1:9" ht="12.75" x14ac:dyDescent="0.2">
      <c r="A76" s="119" t="s">
        <v>140</v>
      </c>
      <c r="B76" s="801"/>
      <c r="C76" s="804"/>
      <c r="D76" s="801"/>
      <c r="E76" s="849"/>
      <c r="F76" s="801"/>
      <c r="G76" s="804"/>
      <c r="H76" s="801"/>
      <c r="I76" s="802"/>
    </row>
    <row r="77" spans="1:9" ht="5.0999999999999996" customHeight="1" x14ac:dyDescent="0.2">
      <c r="A77" s="322"/>
      <c r="B77" s="322"/>
      <c r="C77" s="322"/>
      <c r="D77" s="189"/>
      <c r="E77" s="189"/>
      <c r="F77" s="189"/>
      <c r="G77" s="67"/>
      <c r="H77" s="67"/>
      <c r="I77" s="67"/>
    </row>
    <row r="78" spans="1:9" ht="15" customHeight="1" x14ac:dyDescent="0.2">
      <c r="A78" s="777" t="s">
        <v>144</v>
      </c>
      <c r="B78" s="777"/>
      <c r="C78" s="778"/>
      <c r="D78" s="776" t="s">
        <v>122</v>
      </c>
      <c r="E78" s="777"/>
      <c r="F78" s="777"/>
      <c r="G78" s="777"/>
      <c r="H78" s="777"/>
      <c r="I78" s="777"/>
    </row>
    <row r="79" spans="1:9" s="65" customFormat="1" ht="15" customHeight="1" x14ac:dyDescent="0.2">
      <c r="A79" s="842" t="s">
        <v>209</v>
      </c>
      <c r="B79" s="842"/>
      <c r="C79" s="843"/>
      <c r="D79" s="825"/>
      <c r="E79" s="826"/>
      <c r="F79" s="826"/>
      <c r="G79" s="826"/>
      <c r="H79" s="826"/>
      <c r="I79" s="826"/>
    </row>
    <row r="80" spans="1:9" ht="5.0999999999999996" customHeight="1" x14ac:dyDescent="0.2">
      <c r="A80" s="324"/>
      <c r="B80" s="324"/>
      <c r="C80" s="324"/>
      <c r="D80" s="323"/>
      <c r="E80" s="323"/>
      <c r="F80" s="323"/>
      <c r="G80" s="73"/>
      <c r="H80" s="73"/>
      <c r="I80" s="73"/>
    </row>
    <row r="81" spans="1:18" ht="15" customHeight="1" x14ac:dyDescent="0.2">
      <c r="A81" s="823" t="s">
        <v>550</v>
      </c>
      <c r="B81" s="823"/>
      <c r="C81" s="786"/>
      <c r="D81" s="829" t="s">
        <v>208</v>
      </c>
      <c r="E81" s="823"/>
      <c r="F81" s="823"/>
      <c r="G81" s="823"/>
      <c r="H81" s="823"/>
      <c r="I81" s="823"/>
    </row>
    <row r="82" spans="1:18" ht="15.75" customHeight="1" x14ac:dyDescent="0.2">
      <c r="A82" s="824"/>
      <c r="B82" s="824"/>
      <c r="C82" s="788"/>
      <c r="D82" s="776">
        <v>2015</v>
      </c>
      <c r="E82" s="777"/>
      <c r="F82" s="778"/>
      <c r="G82" s="777">
        <v>2014</v>
      </c>
      <c r="H82" s="777"/>
      <c r="I82" s="777"/>
    </row>
    <row r="83" spans="1:18" s="65" customFormat="1" ht="10.5" x14ac:dyDescent="0.2">
      <c r="A83" s="827" t="s">
        <v>123</v>
      </c>
      <c r="B83" s="827"/>
      <c r="C83" s="828"/>
      <c r="D83" s="830"/>
      <c r="E83" s="831"/>
      <c r="F83" s="832"/>
      <c r="G83" s="830">
        <v>0</v>
      </c>
      <c r="H83" s="831"/>
      <c r="I83" s="831"/>
    </row>
    <row r="84" spans="1:18" s="65" customFormat="1" ht="10.5" x14ac:dyDescent="0.2">
      <c r="A84" s="819" t="s">
        <v>124</v>
      </c>
      <c r="B84" s="819"/>
      <c r="C84" s="820"/>
      <c r="D84" s="799">
        <v>156535.29999999999</v>
      </c>
      <c r="E84" s="800"/>
      <c r="F84" s="803"/>
      <c r="G84" s="799">
        <v>206580.28</v>
      </c>
      <c r="H84" s="800"/>
      <c r="I84" s="800"/>
    </row>
    <row r="85" spans="1:18" s="65" customFormat="1" ht="10.5" x14ac:dyDescent="0.2">
      <c r="A85" s="819" t="s">
        <v>125</v>
      </c>
      <c r="B85" s="819"/>
      <c r="C85" s="820"/>
      <c r="D85" s="799">
        <v>48367089.149999999</v>
      </c>
      <c r="E85" s="800"/>
      <c r="F85" s="803"/>
      <c r="G85" s="799">
        <v>10731518.460000001</v>
      </c>
      <c r="H85" s="800"/>
      <c r="I85" s="800"/>
    </row>
    <row r="86" spans="1:18" s="65" customFormat="1" ht="10.5" x14ac:dyDescent="0.2">
      <c r="A86" s="821" t="s">
        <v>126</v>
      </c>
      <c r="B86" s="821"/>
      <c r="C86" s="822"/>
      <c r="D86" s="801"/>
      <c r="E86" s="802"/>
      <c r="F86" s="804"/>
      <c r="G86" s="801">
        <v>0</v>
      </c>
      <c r="H86" s="802"/>
      <c r="I86" s="802"/>
    </row>
    <row r="87" spans="1:18" s="19" customFormat="1" ht="5.0999999999999996" customHeight="1" x14ac:dyDescent="0.2">
      <c r="A87" s="177"/>
      <c r="B87" s="177"/>
      <c r="C87" s="118"/>
      <c r="D87" s="818"/>
      <c r="E87" s="818"/>
      <c r="F87" s="322"/>
      <c r="G87" s="118"/>
      <c r="H87" s="73"/>
      <c r="I87" s="73"/>
    </row>
    <row r="88" spans="1:18" ht="15" customHeight="1" x14ac:dyDescent="0.15">
      <c r="A88" s="783" t="s">
        <v>145</v>
      </c>
      <c r="B88" s="833" t="s">
        <v>108</v>
      </c>
      <c r="C88" s="834"/>
      <c r="D88" s="833" t="s">
        <v>108</v>
      </c>
      <c r="E88" s="834"/>
      <c r="F88" s="829" t="s">
        <v>109</v>
      </c>
      <c r="G88" s="823"/>
      <c r="H88" s="823"/>
      <c r="I88" s="823"/>
    </row>
    <row r="89" spans="1:18" ht="15" customHeight="1" x14ac:dyDescent="0.2">
      <c r="A89" s="784"/>
      <c r="B89" s="807" t="s">
        <v>111</v>
      </c>
      <c r="C89" s="787"/>
      <c r="D89" s="809" t="s">
        <v>112</v>
      </c>
      <c r="E89" s="784"/>
      <c r="F89" s="789" t="s">
        <v>115</v>
      </c>
      <c r="G89" s="783"/>
      <c r="H89" s="789" t="s">
        <v>115</v>
      </c>
      <c r="I89" s="790"/>
    </row>
    <row r="90" spans="1:18" ht="15" customHeight="1" x14ac:dyDescent="0.2">
      <c r="A90" s="785"/>
      <c r="B90" s="808"/>
      <c r="C90" s="788"/>
      <c r="D90" s="810"/>
      <c r="E90" s="785"/>
      <c r="F90" s="808">
        <v>2015</v>
      </c>
      <c r="G90" s="788"/>
      <c r="H90" s="810">
        <v>2014</v>
      </c>
      <c r="I90" s="844"/>
    </row>
    <row r="91" spans="1:18" s="65" customFormat="1" ht="10.5" x14ac:dyDescent="0.2">
      <c r="A91" s="155" t="s">
        <v>147</v>
      </c>
      <c r="B91" s="718">
        <v>15495000</v>
      </c>
      <c r="C91" s="719"/>
      <c r="D91" s="718">
        <v>15495000</v>
      </c>
      <c r="E91" s="719"/>
      <c r="F91" s="718">
        <v>5473791.3499999996</v>
      </c>
      <c r="G91" s="719"/>
      <c r="H91" s="718">
        <v>2011799.9100000001</v>
      </c>
      <c r="I91" s="837"/>
      <c r="M91" s="270"/>
      <c r="N91" s="270"/>
      <c r="O91" s="654"/>
      <c r="P91" s="654"/>
      <c r="Q91" s="654"/>
      <c r="R91" s="654"/>
    </row>
    <row r="92" spans="1:18" s="65" customFormat="1" ht="10.5" x14ac:dyDescent="0.2">
      <c r="A92" s="270" t="s">
        <v>178</v>
      </c>
      <c r="B92" s="722">
        <v>15495000</v>
      </c>
      <c r="C92" s="723"/>
      <c r="D92" s="722">
        <v>15495000</v>
      </c>
      <c r="E92" s="723"/>
      <c r="F92" s="722">
        <v>5473791.3499999996</v>
      </c>
      <c r="G92" s="723"/>
      <c r="H92" s="722">
        <v>2011799.9100000001</v>
      </c>
      <c r="I92" s="815"/>
      <c r="M92" s="270"/>
      <c r="N92" s="270"/>
    </row>
    <row r="93" spans="1:18" ht="10.5" x14ac:dyDescent="0.2">
      <c r="A93" s="270" t="s">
        <v>146</v>
      </c>
      <c r="B93" s="722">
        <v>13495000</v>
      </c>
      <c r="C93" s="723"/>
      <c r="D93" s="722">
        <v>13495000</v>
      </c>
      <c r="E93" s="723"/>
      <c r="F93" s="722">
        <v>5473791.3499999996</v>
      </c>
      <c r="G93" s="723"/>
      <c r="H93" s="722">
        <v>2011799.9100000001</v>
      </c>
      <c r="I93" s="815"/>
      <c r="M93" s="270"/>
      <c r="N93" s="270"/>
    </row>
    <row r="94" spans="1:18" ht="10.5" x14ac:dyDescent="0.2">
      <c r="A94" s="270" t="s">
        <v>282</v>
      </c>
      <c r="B94" s="722">
        <v>9495000</v>
      </c>
      <c r="C94" s="723"/>
      <c r="D94" s="722">
        <v>9495000</v>
      </c>
      <c r="E94" s="723"/>
      <c r="F94" s="722">
        <v>2231963.77</v>
      </c>
      <c r="G94" s="723"/>
      <c r="H94" s="722">
        <v>1991356.04</v>
      </c>
      <c r="I94" s="815"/>
      <c r="M94" s="270"/>
      <c r="N94" s="270"/>
    </row>
    <row r="95" spans="1:18" ht="10.5" x14ac:dyDescent="0.2">
      <c r="A95" s="270" t="s">
        <v>129</v>
      </c>
      <c r="B95" s="722">
        <v>9495000</v>
      </c>
      <c r="C95" s="723"/>
      <c r="D95" s="722">
        <v>9495000</v>
      </c>
      <c r="E95" s="723"/>
      <c r="F95" s="722">
        <v>2231963.77</v>
      </c>
      <c r="G95" s="723"/>
      <c r="H95" s="722">
        <v>1991356.04</v>
      </c>
      <c r="I95" s="815"/>
      <c r="M95" s="270"/>
      <c r="N95" s="270"/>
    </row>
    <row r="96" spans="1:18" ht="10.5" x14ac:dyDescent="0.2">
      <c r="A96" s="270" t="s">
        <v>130</v>
      </c>
      <c r="B96" s="722">
        <v>0</v>
      </c>
      <c r="C96" s="723"/>
      <c r="D96" s="722">
        <v>0</v>
      </c>
      <c r="E96" s="723"/>
      <c r="F96" s="722"/>
      <c r="G96" s="723"/>
      <c r="H96" s="722">
        <v>0</v>
      </c>
      <c r="I96" s="815"/>
      <c r="M96" s="270"/>
      <c r="N96" s="270"/>
    </row>
    <row r="97" spans="1:14" ht="10.5" x14ac:dyDescent="0.2">
      <c r="A97" s="270" t="s">
        <v>131</v>
      </c>
      <c r="B97" s="722">
        <v>0</v>
      </c>
      <c r="C97" s="723"/>
      <c r="D97" s="722">
        <v>0</v>
      </c>
      <c r="E97" s="723"/>
      <c r="F97" s="722"/>
      <c r="G97" s="723"/>
      <c r="H97" s="722">
        <v>0</v>
      </c>
      <c r="I97" s="815"/>
      <c r="M97" s="270"/>
      <c r="N97" s="270"/>
    </row>
    <row r="98" spans="1:14" ht="10.5" x14ac:dyDescent="0.2">
      <c r="A98" s="270" t="s">
        <v>283</v>
      </c>
      <c r="B98" s="722">
        <v>4000000</v>
      </c>
      <c r="C98" s="723"/>
      <c r="D98" s="722">
        <v>4000000</v>
      </c>
      <c r="E98" s="723"/>
      <c r="F98" s="722">
        <v>3241827.58</v>
      </c>
      <c r="G98" s="723"/>
      <c r="H98" s="722">
        <v>20443.87</v>
      </c>
      <c r="I98" s="815"/>
      <c r="M98" s="270"/>
      <c r="N98" s="270"/>
    </row>
    <row r="99" spans="1:14" ht="10.5" x14ac:dyDescent="0.2">
      <c r="A99" s="270" t="s">
        <v>132</v>
      </c>
      <c r="B99" s="722">
        <v>4000000</v>
      </c>
      <c r="C99" s="723"/>
      <c r="D99" s="722">
        <v>4000000</v>
      </c>
      <c r="E99" s="723"/>
      <c r="F99" s="722">
        <v>3241827.58</v>
      </c>
      <c r="G99" s="723"/>
      <c r="H99" s="722">
        <v>20443.87</v>
      </c>
      <c r="I99" s="815"/>
      <c r="M99" s="270"/>
      <c r="N99" s="270"/>
    </row>
    <row r="100" spans="1:14" ht="10.5" x14ac:dyDescent="0.2">
      <c r="A100" s="270" t="s">
        <v>133</v>
      </c>
      <c r="B100" s="722">
        <v>0</v>
      </c>
      <c r="C100" s="723"/>
      <c r="D100" s="722">
        <v>0</v>
      </c>
      <c r="E100" s="723"/>
      <c r="F100" s="722"/>
      <c r="G100" s="723"/>
      <c r="H100" s="722">
        <v>0</v>
      </c>
      <c r="I100" s="815"/>
      <c r="M100" s="270"/>
      <c r="N100" s="270"/>
    </row>
    <row r="101" spans="1:14" ht="10.5" x14ac:dyDescent="0.2">
      <c r="A101" s="270" t="s">
        <v>758</v>
      </c>
      <c r="B101" s="722">
        <v>0</v>
      </c>
      <c r="C101" s="723"/>
      <c r="D101" s="722">
        <v>0</v>
      </c>
      <c r="E101" s="723"/>
      <c r="F101" s="722"/>
      <c r="G101" s="723"/>
      <c r="H101" s="722">
        <v>0</v>
      </c>
      <c r="I101" s="815"/>
      <c r="M101" s="270"/>
      <c r="N101" s="270"/>
    </row>
    <row r="102" spans="1:14" ht="10.5" x14ac:dyDescent="0.2">
      <c r="A102" s="270" t="s">
        <v>780</v>
      </c>
      <c r="B102" s="722">
        <v>2000000</v>
      </c>
      <c r="C102" s="723"/>
      <c r="D102" s="722">
        <v>2000000</v>
      </c>
      <c r="E102" s="723"/>
      <c r="F102" s="722"/>
      <c r="G102" s="723"/>
      <c r="H102" s="722">
        <v>0</v>
      </c>
      <c r="I102" s="815"/>
      <c r="M102" s="270"/>
      <c r="N102" s="270"/>
    </row>
    <row r="103" spans="1:14" ht="10.5" x14ac:dyDescent="0.2">
      <c r="A103" s="270" t="s">
        <v>781</v>
      </c>
      <c r="B103" s="722">
        <v>0</v>
      </c>
      <c r="C103" s="723"/>
      <c r="D103" s="722">
        <v>0</v>
      </c>
      <c r="E103" s="723"/>
      <c r="F103" s="722"/>
      <c r="G103" s="723"/>
      <c r="H103" s="722">
        <v>0</v>
      </c>
      <c r="I103" s="815"/>
      <c r="M103" s="270"/>
      <c r="N103" s="270"/>
    </row>
    <row r="104" spans="1:14" ht="10.5" x14ac:dyDescent="0.2">
      <c r="A104" s="270" t="s">
        <v>179</v>
      </c>
      <c r="B104" s="722">
        <v>0</v>
      </c>
      <c r="C104" s="723"/>
      <c r="D104" s="722">
        <v>0</v>
      </c>
      <c r="E104" s="723"/>
      <c r="F104" s="464"/>
      <c r="G104" s="472"/>
      <c r="H104" s="722">
        <v>0</v>
      </c>
      <c r="I104" s="815"/>
      <c r="M104" s="270"/>
      <c r="N104" s="270"/>
    </row>
    <row r="105" spans="1:14" ht="10.5" x14ac:dyDescent="0.2">
      <c r="A105" s="270" t="s">
        <v>186</v>
      </c>
      <c r="B105" s="722">
        <v>0</v>
      </c>
      <c r="C105" s="723"/>
      <c r="D105" s="722">
        <v>0</v>
      </c>
      <c r="E105" s="723"/>
      <c r="F105" s="722"/>
      <c r="G105" s="723"/>
      <c r="H105" s="722">
        <v>0</v>
      </c>
      <c r="I105" s="815"/>
      <c r="M105" s="270"/>
      <c r="N105" s="270"/>
    </row>
    <row r="106" spans="1:14" ht="10.5" x14ac:dyDescent="0.2">
      <c r="A106" s="270" t="s">
        <v>183</v>
      </c>
      <c r="B106" s="722">
        <v>0</v>
      </c>
      <c r="C106" s="723"/>
      <c r="D106" s="722">
        <v>0</v>
      </c>
      <c r="E106" s="723"/>
      <c r="F106" s="722"/>
      <c r="G106" s="723"/>
      <c r="H106" s="722">
        <v>0</v>
      </c>
      <c r="I106" s="815"/>
      <c r="M106" s="270"/>
      <c r="N106" s="270"/>
    </row>
    <row r="107" spans="1:14" s="65" customFormat="1" ht="10.5" x14ac:dyDescent="0.2">
      <c r="A107" s="65" t="s">
        <v>148</v>
      </c>
      <c r="B107" s="722">
        <v>0</v>
      </c>
      <c r="C107" s="723"/>
      <c r="D107" s="722">
        <v>0</v>
      </c>
      <c r="E107" s="723"/>
      <c r="F107" s="722">
        <v>0</v>
      </c>
      <c r="G107" s="723"/>
      <c r="H107" s="722">
        <v>0</v>
      </c>
      <c r="I107" s="815"/>
      <c r="M107" s="270"/>
      <c r="N107" s="270"/>
    </row>
    <row r="108" spans="1:14" ht="10.5" x14ac:dyDescent="0.2">
      <c r="A108" s="121" t="s">
        <v>120</v>
      </c>
      <c r="B108" s="722">
        <v>0</v>
      </c>
      <c r="C108" s="723"/>
      <c r="D108" s="722">
        <v>0</v>
      </c>
      <c r="E108" s="723"/>
      <c r="F108" s="722"/>
      <c r="G108" s="723"/>
      <c r="H108" s="722">
        <v>0</v>
      </c>
      <c r="I108" s="815"/>
      <c r="M108" s="270"/>
      <c r="N108" s="270"/>
    </row>
    <row r="109" spans="1:14" ht="10.5" x14ac:dyDescent="0.2">
      <c r="A109" s="270" t="s">
        <v>228</v>
      </c>
      <c r="B109" s="722">
        <v>0</v>
      </c>
      <c r="C109" s="723"/>
      <c r="D109" s="722">
        <v>0</v>
      </c>
      <c r="E109" s="723"/>
      <c r="F109" s="722"/>
      <c r="G109" s="723"/>
      <c r="H109" s="722">
        <v>0</v>
      </c>
      <c r="I109" s="815"/>
      <c r="M109" s="270"/>
      <c r="N109" s="270"/>
    </row>
    <row r="110" spans="1:14" ht="10.5" x14ac:dyDescent="0.2">
      <c r="A110" s="121" t="s">
        <v>285</v>
      </c>
      <c r="B110" s="722">
        <v>0</v>
      </c>
      <c r="C110" s="723"/>
      <c r="D110" s="722">
        <v>0</v>
      </c>
      <c r="E110" s="723"/>
      <c r="F110" s="722"/>
      <c r="G110" s="723"/>
      <c r="H110" s="722">
        <v>0</v>
      </c>
      <c r="I110" s="815"/>
      <c r="M110" s="270"/>
      <c r="N110" s="270"/>
    </row>
    <row r="111" spans="1:14" s="152" customFormat="1" ht="10.5" x14ac:dyDescent="0.2">
      <c r="A111" s="65"/>
      <c r="B111" s="764"/>
      <c r="C111" s="765"/>
      <c r="D111" s="764"/>
      <c r="E111" s="765"/>
      <c r="F111" s="764"/>
      <c r="G111" s="765"/>
      <c r="H111" s="764"/>
      <c r="I111" s="817"/>
      <c r="M111" s="270"/>
      <c r="N111" s="270"/>
    </row>
    <row r="112" spans="1:14" s="161" customFormat="1" ht="24.95" customHeight="1" x14ac:dyDescent="0.2">
      <c r="A112" s="162" t="s">
        <v>779</v>
      </c>
      <c r="B112" s="703">
        <v>15495000</v>
      </c>
      <c r="C112" s="704"/>
      <c r="D112" s="703">
        <v>15495000</v>
      </c>
      <c r="E112" s="704"/>
      <c r="F112" s="703">
        <v>5473791.3499999996</v>
      </c>
      <c r="G112" s="704"/>
      <c r="H112" s="703">
        <v>2011799.9100000001</v>
      </c>
      <c r="I112" s="816"/>
      <c r="M112" s="270"/>
      <c r="N112" s="270"/>
    </row>
    <row r="113" spans="1:14" ht="5.0999999999999996" customHeight="1" x14ac:dyDescent="0.15">
      <c r="A113" s="191"/>
      <c r="B113" s="192"/>
      <c r="C113" s="192"/>
      <c r="D113" s="193"/>
      <c r="E113" s="193"/>
      <c r="F113" s="193"/>
      <c r="G113" s="194"/>
      <c r="H113" s="194"/>
      <c r="I113" s="194"/>
      <c r="M113" s="270"/>
      <c r="N113" s="270"/>
    </row>
    <row r="114" spans="1:14" ht="33" customHeight="1" x14ac:dyDescent="0.15">
      <c r="A114" s="845" t="s">
        <v>149</v>
      </c>
      <c r="B114" s="195" t="s">
        <v>157</v>
      </c>
      <c r="C114" s="195" t="s">
        <v>157</v>
      </c>
      <c r="D114" s="740" t="s">
        <v>158</v>
      </c>
      <c r="E114" s="742"/>
      <c r="F114" s="776" t="s">
        <v>159</v>
      </c>
      <c r="G114" s="778"/>
      <c r="H114" s="776" t="s">
        <v>347</v>
      </c>
      <c r="I114" s="777"/>
    </row>
    <row r="115" spans="1:14" ht="15" customHeight="1" x14ac:dyDescent="0.2">
      <c r="A115" s="846"/>
      <c r="B115" s="841" t="s">
        <v>111</v>
      </c>
      <c r="C115" s="841" t="s">
        <v>112</v>
      </c>
      <c r="D115" s="321" t="s">
        <v>115</v>
      </c>
      <c r="E115" s="321" t="s">
        <v>115</v>
      </c>
      <c r="F115" s="321" t="s">
        <v>115</v>
      </c>
      <c r="G115" s="321" t="s">
        <v>115</v>
      </c>
      <c r="H115" s="835" t="s">
        <v>755</v>
      </c>
      <c r="I115" s="829" t="s">
        <v>756</v>
      </c>
    </row>
    <row r="116" spans="1:14" ht="15" customHeight="1" x14ac:dyDescent="0.2">
      <c r="A116" s="847"/>
      <c r="B116" s="780"/>
      <c r="C116" s="780"/>
      <c r="D116" s="326">
        <v>2015</v>
      </c>
      <c r="E116" s="325">
        <v>2014</v>
      </c>
      <c r="F116" s="326">
        <v>2015</v>
      </c>
      <c r="G116" s="325">
        <v>2014</v>
      </c>
      <c r="H116" s="836"/>
      <c r="I116" s="808"/>
    </row>
    <row r="117" spans="1:14" s="65" customFormat="1" ht="12.75" customHeight="1" x14ac:dyDescent="0.2">
      <c r="A117" s="160" t="s">
        <v>150</v>
      </c>
      <c r="B117" s="572">
        <v>0</v>
      </c>
      <c r="C117" s="572">
        <v>0</v>
      </c>
      <c r="D117" s="572">
        <v>0</v>
      </c>
      <c r="E117" s="572">
        <v>0</v>
      </c>
      <c r="F117" s="572">
        <v>0</v>
      </c>
      <c r="G117" s="572">
        <v>0</v>
      </c>
      <c r="H117" s="572">
        <v>0</v>
      </c>
      <c r="I117" s="516">
        <v>0</v>
      </c>
    </row>
    <row r="118" spans="1:14" ht="10.5" x14ac:dyDescent="0.2">
      <c r="A118" s="27" t="s">
        <v>204</v>
      </c>
      <c r="B118" s="524"/>
      <c r="C118" s="524"/>
      <c r="D118" s="524"/>
      <c r="E118" s="524"/>
      <c r="F118" s="524"/>
      <c r="G118" s="524"/>
      <c r="H118" s="524"/>
      <c r="I118" s="454"/>
    </row>
    <row r="119" spans="1:14" ht="10.5" x14ac:dyDescent="0.2">
      <c r="A119" s="28" t="s">
        <v>205</v>
      </c>
      <c r="B119" s="524"/>
      <c r="C119" s="524"/>
      <c r="D119" s="524"/>
      <c r="E119" s="524"/>
      <c r="F119" s="524"/>
      <c r="G119" s="524"/>
      <c r="H119" s="524"/>
      <c r="I119" s="454"/>
    </row>
    <row r="120" spans="1:14" s="65" customFormat="1" ht="15" customHeight="1" x14ac:dyDescent="0.2">
      <c r="A120" s="14" t="s">
        <v>151</v>
      </c>
      <c r="B120" s="364">
        <v>0</v>
      </c>
      <c r="C120" s="364">
        <v>0</v>
      </c>
      <c r="D120" s="364">
        <v>0</v>
      </c>
      <c r="E120" s="364">
        <v>0</v>
      </c>
      <c r="F120" s="364">
        <v>0</v>
      </c>
      <c r="G120" s="364">
        <v>0</v>
      </c>
      <c r="H120" s="364">
        <v>0</v>
      </c>
      <c r="I120" s="365">
        <v>0</v>
      </c>
    </row>
    <row r="121" spans="1:14" ht="14.25" customHeight="1" x14ac:dyDescent="0.2">
      <c r="A121" s="64" t="s">
        <v>878</v>
      </c>
      <c r="B121" s="154"/>
      <c r="C121" s="154"/>
      <c r="D121" s="154"/>
      <c r="E121" s="154"/>
      <c r="I121" s="297"/>
    </row>
    <row r="122" spans="1:14" s="19" customFormat="1" ht="11.25" customHeight="1" x14ac:dyDescent="0.2">
      <c r="A122" s="210" t="s">
        <v>827</v>
      </c>
    </row>
    <row r="124" spans="1:14" s="270" customFormat="1" ht="11.25" customHeight="1" x14ac:dyDescent="0.2"/>
    <row r="125" spans="1:14" s="270" customFormat="1" ht="11.25" customHeight="1" x14ac:dyDescent="0.2"/>
    <row r="128" spans="1:14" ht="11.25" customHeight="1" x14ac:dyDescent="0.2">
      <c r="A128" s="270"/>
      <c r="B128" s="270"/>
      <c r="C128" s="270"/>
      <c r="D128" s="270"/>
      <c r="E128" s="270"/>
      <c r="F128" s="270"/>
      <c r="G128" s="270"/>
      <c r="H128" s="270"/>
      <c r="I128" s="270"/>
    </row>
    <row r="129" spans="1:9" ht="11.25" customHeight="1" x14ac:dyDescent="0.2">
      <c r="A129" s="270"/>
      <c r="B129" s="270"/>
      <c r="C129" s="270"/>
      <c r="D129" s="270"/>
      <c r="E129" s="270"/>
      <c r="F129" s="270"/>
      <c r="G129" s="270"/>
      <c r="H129" s="270"/>
      <c r="I129" s="270"/>
    </row>
    <row r="130" spans="1:9" ht="11.25" customHeight="1" x14ac:dyDescent="0.2">
      <c r="A130" s="270"/>
      <c r="B130" s="270"/>
      <c r="C130" s="270"/>
      <c r="D130" s="270"/>
      <c r="E130" s="270"/>
      <c r="F130" s="270"/>
      <c r="G130" s="270"/>
      <c r="H130" s="270"/>
      <c r="I130" s="270"/>
    </row>
    <row r="131" spans="1:9" ht="11.25" customHeight="1" x14ac:dyDescent="0.2">
      <c r="A131" s="270"/>
      <c r="B131" s="270"/>
      <c r="C131" s="270"/>
      <c r="D131" s="270"/>
      <c r="E131" s="270"/>
      <c r="F131" s="270"/>
      <c r="G131" s="270"/>
      <c r="H131" s="270"/>
      <c r="I131" s="270"/>
    </row>
    <row r="132" spans="1:9" ht="11.25" customHeight="1" x14ac:dyDescent="0.2">
      <c r="A132" s="270"/>
      <c r="B132" s="270"/>
      <c r="C132" s="270"/>
      <c r="D132" s="270"/>
      <c r="E132" s="270"/>
      <c r="F132" s="270"/>
      <c r="G132" s="270"/>
      <c r="H132" s="270"/>
      <c r="I132" s="270"/>
    </row>
    <row r="133" spans="1:9" ht="11.25" customHeight="1" x14ac:dyDescent="0.2">
      <c r="A133" s="270"/>
      <c r="B133" s="270"/>
      <c r="C133" s="270"/>
      <c r="D133" s="270"/>
      <c r="E133" s="270"/>
      <c r="F133" s="270"/>
      <c r="G133" s="270"/>
      <c r="H133" s="270"/>
      <c r="I133" s="270"/>
    </row>
    <row r="134" spans="1:9" ht="11.25" customHeight="1" x14ac:dyDescent="0.2">
      <c r="A134" s="270"/>
      <c r="B134" s="270"/>
      <c r="C134" s="270"/>
      <c r="D134" s="270"/>
      <c r="E134" s="270"/>
      <c r="F134" s="270"/>
      <c r="G134" s="270"/>
      <c r="H134" s="270"/>
      <c r="I134" s="270"/>
    </row>
    <row r="135" spans="1:9" ht="11.25" customHeight="1" x14ac:dyDescent="0.2">
      <c r="A135" s="270"/>
      <c r="B135" s="270"/>
      <c r="C135" s="270"/>
      <c r="D135" s="270"/>
      <c r="E135" s="270"/>
      <c r="F135" s="270"/>
      <c r="G135" s="270"/>
      <c r="H135" s="270"/>
      <c r="I135" s="270"/>
    </row>
    <row r="136" spans="1:9" ht="11.25" customHeight="1" x14ac:dyDescent="0.2">
      <c r="A136" s="270"/>
      <c r="B136" s="270"/>
      <c r="C136" s="270"/>
      <c r="D136" s="270"/>
      <c r="E136" s="270"/>
      <c r="F136" s="270"/>
      <c r="G136" s="270"/>
      <c r="H136" s="270"/>
      <c r="I136" s="270"/>
    </row>
    <row r="137" spans="1:9" ht="11.25" customHeight="1" x14ac:dyDescent="0.2">
      <c r="A137" s="270"/>
      <c r="B137" s="270"/>
      <c r="C137" s="270"/>
      <c r="D137" s="270"/>
      <c r="E137" s="270"/>
      <c r="F137" s="270"/>
      <c r="G137" s="270"/>
      <c r="H137" s="270"/>
      <c r="I137" s="270"/>
    </row>
    <row r="138" spans="1:9" ht="11.25" customHeight="1" x14ac:dyDescent="0.2">
      <c r="A138" s="270"/>
      <c r="B138" s="270"/>
      <c r="C138" s="270"/>
      <c r="D138" s="270"/>
      <c r="E138" s="270"/>
      <c r="F138" s="270"/>
      <c r="G138" s="270"/>
      <c r="H138" s="270"/>
      <c r="I138" s="270"/>
    </row>
    <row r="139" spans="1:9" ht="11.25" customHeight="1" x14ac:dyDescent="0.2">
      <c r="A139" s="270"/>
      <c r="B139" s="270"/>
      <c r="C139" s="270"/>
      <c r="D139" s="270"/>
      <c r="E139" s="270"/>
      <c r="F139" s="270"/>
      <c r="G139" s="270"/>
      <c r="H139" s="270"/>
      <c r="I139" s="270"/>
    </row>
    <row r="140" spans="1:9" ht="11.25" customHeight="1" x14ac:dyDescent="0.2">
      <c r="A140" s="270"/>
      <c r="B140" s="270"/>
      <c r="C140" s="270"/>
      <c r="D140" s="270"/>
      <c r="E140" s="270"/>
      <c r="F140" s="270"/>
      <c r="G140" s="270"/>
      <c r="H140" s="270"/>
      <c r="I140" s="270"/>
    </row>
    <row r="141" spans="1:9" ht="11.25" customHeight="1" x14ac:dyDescent="0.2">
      <c r="A141" s="270"/>
      <c r="B141" s="270"/>
      <c r="C141" s="270"/>
      <c r="D141" s="270"/>
      <c r="E141" s="270"/>
      <c r="F141" s="270"/>
      <c r="G141" s="270"/>
      <c r="H141" s="270"/>
      <c r="I141" s="270"/>
    </row>
    <row r="142" spans="1:9" ht="11.25" customHeight="1" x14ac:dyDescent="0.2">
      <c r="A142" s="270"/>
      <c r="B142" s="270"/>
      <c r="C142" s="270"/>
      <c r="D142" s="270"/>
      <c r="E142" s="270"/>
      <c r="F142" s="270"/>
      <c r="G142" s="270"/>
      <c r="H142" s="270"/>
      <c r="I142" s="270"/>
    </row>
  </sheetData>
  <dataConsolidate/>
  <customSheetViews>
    <customSheetView guid="{8C4C4E05-26A9-48D7-9CF5-CBEE6AE5F4C6}" showPageBreaks="1" showGridLines="0" fitToPage="1" printArea="1" topLeftCell="A67">
      <selection activeCell="E61" sqref="E61"/>
      <pageMargins left="0.19685039370078741" right="0.19685039370078741" top="0.19685039370078741" bottom="0.19685039370078741" header="0" footer="0"/>
      <printOptions horizontalCentered="1"/>
      <pageSetup paperSize="9" scale="48" orientation="portrait" r:id="rId1"/>
      <headerFooter alignWithMargins="0"/>
    </customSheetView>
    <customSheetView guid="{6F6CE139-4C01-4DC6-BA1C-5DC7C1E4A87D}" showPageBreaks="1" showGridLines="0" fitToPage="1" printArea="1">
      <selection activeCell="E61" sqref="E61"/>
      <pageMargins left="0.19685039370078741" right="0.19685039370078741" top="0.39370078740157483" bottom="0.19685039370078741" header="0" footer="0"/>
      <printOptions horizontalCentered="1"/>
      <pageSetup paperSize="9" scale="48" orientation="portrait" r:id="rId2"/>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3"/>
      <headerFooter alignWithMargins="0"/>
    </customSheetView>
    <customSheetView guid="{82EDB5A4-4824-4632-A540-7A52C92F04C7}" scale="80" showPageBreaks="1" showGridLines="0" fitToPage="1" printArea="1" topLeftCell="A80">
      <selection activeCell="A78" sqref="A78:C78"/>
      <pageMargins left="0.19685039370078741" right="0.19685039370078741" top="0.19685039370078741" bottom="0.19685039370078741" header="0" footer="0.19685039370078741"/>
      <printOptions horizontalCentered="1"/>
      <pageSetup paperSize="9" scale="50" orientation="portrait" r:id="rId4"/>
      <headerFooter alignWithMargins="0"/>
    </customSheetView>
    <customSheetView guid="{6DBFA32C-4AA4-4E1D-9A48-697377C64CC3}" showGridLines="0" fitToPage="1">
      <pageMargins left="0.19685039370078741" right="0.19685039370078741" top="0.39370078740157483" bottom="0.19685039370078741" header="0" footer="0"/>
      <printOptions horizontalCentered="1"/>
      <pageSetup paperSize="9" scale="48" orientation="portrait" r:id="rId5"/>
      <headerFooter alignWithMargins="0"/>
    </customSheetView>
    <customSheetView guid="{3AAF6A5F-F9AA-430B-9AD9-1261ECDF41B5}" showPageBreaks="1" showGridLines="0" fitToPage="1" printArea="1" topLeftCell="A67">
      <selection activeCell="E61" sqref="E61"/>
      <pageMargins left="0.19685039370078741" right="0.19685039370078741" top="0.19685039370078741" bottom="0.19685039370078741" header="0" footer="0"/>
      <printOptions horizontalCentered="1"/>
      <pageSetup paperSize="9" scale="48" orientation="portrait" r:id="rId6"/>
      <headerFooter alignWithMargins="0"/>
    </customSheetView>
    <customSheetView guid="{25EF1E0D-169B-4051-B414-7E1196FC05E4}" showPageBreaks="1" showGridLines="0" fitToPage="1" printArea="1" topLeftCell="B67">
      <selection activeCell="D85" sqref="D85:F85"/>
      <pageMargins left="0.19685039370078741" right="0.19685039370078741" top="0.19685039370078741" bottom="0.19685039370078741" header="0" footer="0"/>
      <printOptions horizontalCentered="1"/>
      <pageSetup paperSize="9" scale="48" orientation="portrait" r:id="rId7"/>
      <headerFooter alignWithMargins="0"/>
    </customSheetView>
  </customSheetViews>
  <mergeCells count="304">
    <mergeCell ref="B14:C14"/>
    <mergeCell ref="D13:E13"/>
    <mergeCell ref="F13:G13"/>
    <mergeCell ref="H13:I13"/>
    <mergeCell ref="D14:E14"/>
    <mergeCell ref="F14:G14"/>
    <mergeCell ref="H14:I14"/>
    <mergeCell ref="B15:C15"/>
    <mergeCell ref="D15:E15"/>
    <mergeCell ref="F15:G15"/>
    <mergeCell ref="H15:I15"/>
    <mergeCell ref="A10:A12"/>
    <mergeCell ref="B13:C13"/>
    <mergeCell ref="A3:I3"/>
    <mergeCell ref="A4:I4"/>
    <mergeCell ref="A5:I5"/>
    <mergeCell ref="A6:I6"/>
    <mergeCell ref="A7:I7"/>
    <mergeCell ref="F10:I10"/>
    <mergeCell ref="F11:G11"/>
    <mergeCell ref="F12:G12"/>
    <mergeCell ref="H11:I11"/>
    <mergeCell ref="H12:I12"/>
    <mergeCell ref="F9:G9"/>
    <mergeCell ref="B10:C10"/>
    <mergeCell ref="D10:E10"/>
    <mergeCell ref="B11:C12"/>
    <mergeCell ref="D11:E12"/>
    <mergeCell ref="H114:I114"/>
    <mergeCell ref="I42:I43"/>
    <mergeCell ref="H42:H43"/>
    <mergeCell ref="H112:I112"/>
    <mergeCell ref="H90:I90"/>
    <mergeCell ref="F88:I88"/>
    <mergeCell ref="H91:I91"/>
    <mergeCell ref="F114:G114"/>
    <mergeCell ref="H95:I95"/>
    <mergeCell ref="H96:I96"/>
    <mergeCell ref="H105:I105"/>
    <mergeCell ref="H109:I109"/>
    <mergeCell ref="H68:I68"/>
    <mergeCell ref="H101:I101"/>
    <mergeCell ref="F91:G91"/>
    <mergeCell ref="F96:G96"/>
    <mergeCell ref="F89:G89"/>
    <mergeCell ref="H89:I89"/>
    <mergeCell ref="F90:G90"/>
    <mergeCell ref="F97:G97"/>
    <mergeCell ref="F101:G101"/>
    <mergeCell ref="F99:G99"/>
    <mergeCell ref="F68:G68"/>
    <mergeCell ref="H111:I111"/>
    <mergeCell ref="H110:I11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D114:E114"/>
    <mergeCell ref="B31:C31"/>
    <mergeCell ref="D31:E31"/>
    <mergeCell ref="B102:C102"/>
    <mergeCell ref="D102:E102"/>
    <mergeCell ref="D92:E92"/>
    <mergeCell ref="B93:C93"/>
    <mergeCell ref="D93:E93"/>
    <mergeCell ref="B95:C95"/>
    <mergeCell ref="D95:E95"/>
    <mergeCell ref="D96:E96"/>
    <mergeCell ref="B100:C100"/>
    <mergeCell ref="D97:E97"/>
    <mergeCell ref="B101:C101"/>
    <mergeCell ref="D101:E101"/>
    <mergeCell ref="B96:C96"/>
    <mergeCell ref="B99:C99"/>
    <mergeCell ref="D99:E99"/>
    <mergeCell ref="B68:C68"/>
    <mergeCell ref="D68:E68"/>
    <mergeCell ref="B39:C39"/>
    <mergeCell ref="D39:E39"/>
    <mergeCell ref="B69:C69"/>
    <mergeCell ref="D69:E69"/>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F22:G22"/>
    <mergeCell ref="H22:I22"/>
    <mergeCell ref="H18:I18"/>
    <mergeCell ref="B20:C20"/>
    <mergeCell ref="D20:E20"/>
    <mergeCell ref="F20:G20"/>
    <mergeCell ref="H20:I20"/>
    <mergeCell ref="B17:C17"/>
    <mergeCell ref="D17:E17"/>
    <mergeCell ref="F17:G17"/>
    <mergeCell ref="H17:I17"/>
    <mergeCell ref="B18:C18"/>
    <mergeCell ref="D18:E18"/>
    <mergeCell ref="F18:G18"/>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B29:C29"/>
    <mergeCell ref="D29:E29"/>
    <mergeCell ref="A65:A67"/>
    <mergeCell ref="H41:I41"/>
    <mergeCell ref="F41:G41"/>
    <mergeCell ref="D41:E41"/>
    <mergeCell ref="B37:C37"/>
    <mergeCell ref="D37:E37"/>
    <mergeCell ref="F37:G37"/>
    <mergeCell ref="H37:I37"/>
    <mergeCell ref="B38:C38"/>
    <mergeCell ref="D38:E38"/>
    <mergeCell ref="F38:G38"/>
    <mergeCell ref="A41:A43"/>
    <mergeCell ref="H67:I67"/>
    <mergeCell ref="B66:C67"/>
    <mergeCell ref="D66:E67"/>
    <mergeCell ref="F66:G66"/>
    <mergeCell ref="H66:I66"/>
    <mergeCell ref="F67:G67"/>
    <mergeCell ref="B42:B43"/>
    <mergeCell ref="C42:C43"/>
    <mergeCell ref="B65:C65"/>
    <mergeCell ref="D65:E65"/>
    <mergeCell ref="F65:I65"/>
    <mergeCell ref="H38:I38"/>
    <mergeCell ref="H107:I107"/>
    <mergeCell ref="B108:C108"/>
    <mergeCell ref="D108:E108"/>
    <mergeCell ref="F108:G108"/>
    <mergeCell ref="H108:I108"/>
    <mergeCell ref="B109:C109"/>
    <mergeCell ref="D109:E109"/>
    <mergeCell ref="F109:G109"/>
    <mergeCell ref="B94:C94"/>
    <mergeCell ref="H106:I106"/>
    <mergeCell ref="B103:C103"/>
    <mergeCell ref="D103:E103"/>
    <mergeCell ref="F103:G103"/>
    <mergeCell ref="H103:I103"/>
    <mergeCell ref="B104:C104"/>
    <mergeCell ref="D104:E104"/>
    <mergeCell ref="H104:I104"/>
    <mergeCell ref="D105:E105"/>
    <mergeCell ref="F105:G105"/>
    <mergeCell ref="B105:C105"/>
    <mergeCell ref="H94:I94"/>
    <mergeCell ref="D94:E94"/>
    <mergeCell ref="H99:I99"/>
    <mergeCell ref="F39:G39"/>
    <mergeCell ref="H39:I39"/>
    <mergeCell ref="D36:E36"/>
    <mergeCell ref="F36:G36"/>
    <mergeCell ref="H36:I36"/>
    <mergeCell ref="F33:G33"/>
    <mergeCell ref="H33:I33"/>
    <mergeCell ref="B34:C34"/>
    <mergeCell ref="D34:E34"/>
    <mergeCell ref="F34:G34"/>
    <mergeCell ref="H34:I34"/>
    <mergeCell ref="B33:C33"/>
    <mergeCell ref="D33:E33"/>
    <mergeCell ref="B35:C35"/>
    <mergeCell ref="D35:E35"/>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A83:C83"/>
    <mergeCell ref="D83:F83"/>
    <mergeCell ref="G83:I83"/>
    <mergeCell ref="A84:C84"/>
    <mergeCell ref="D84:F84"/>
    <mergeCell ref="G84:I84"/>
    <mergeCell ref="A85:C85"/>
    <mergeCell ref="D85:F85"/>
    <mergeCell ref="G85:I85"/>
    <mergeCell ref="A114:A116"/>
    <mergeCell ref="B98:C98"/>
    <mergeCell ref="D98:E98"/>
    <mergeCell ref="F98:G98"/>
    <mergeCell ref="D87:E87"/>
    <mergeCell ref="B88:C88"/>
    <mergeCell ref="D88:E88"/>
    <mergeCell ref="B89:C90"/>
    <mergeCell ref="D89:E90"/>
    <mergeCell ref="A88:A90"/>
    <mergeCell ref="B110:C110"/>
    <mergeCell ref="D110:E110"/>
    <mergeCell ref="F110:G110"/>
    <mergeCell ref="B106:C106"/>
    <mergeCell ref="D106:E106"/>
    <mergeCell ref="F106:G106"/>
    <mergeCell ref="D100:E100"/>
    <mergeCell ref="B115:B116"/>
    <mergeCell ref="C115:C116"/>
    <mergeCell ref="B112:C112"/>
    <mergeCell ref="D112:E112"/>
    <mergeCell ref="B107:C107"/>
    <mergeCell ref="D107:E107"/>
    <mergeCell ref="F107:G107"/>
  </mergeCells>
  <phoneticPr fontId="1" type="noConversion"/>
  <printOptions horizontalCentered="1"/>
  <pageMargins left="0.19685039370078741" right="0.19685039370078741" top="0.19685039370078741" bottom="0.19685039370078741" header="0" footer="0"/>
  <pageSetup paperSize="9" scale="48"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00B050"/>
    <pageSetUpPr fitToPage="1"/>
  </sheetPr>
  <dimension ref="A1:G66"/>
  <sheetViews>
    <sheetView showGridLines="0" zoomScaleNormal="100" workbookViewId="0">
      <selection activeCell="E26" sqref="E26:G26"/>
    </sheetView>
  </sheetViews>
  <sheetFormatPr defaultRowHeight="11.25" customHeight="1" x14ac:dyDescent="0.2"/>
  <cols>
    <col min="1" max="1" width="65.140625" style="166" customWidth="1"/>
    <col min="2" max="2" width="10.7109375" style="166" customWidth="1"/>
    <col min="3" max="3" width="14.140625" style="166" customWidth="1"/>
    <col min="4" max="4" width="10.7109375" style="166" customWidth="1"/>
    <col min="5" max="5" width="14.140625" style="166" customWidth="1"/>
    <col min="6" max="6" width="10.7109375" style="166" customWidth="1"/>
    <col min="7" max="7" width="16.42578125" style="166" customWidth="1"/>
    <col min="8" max="16384" width="9.140625" style="166"/>
  </cols>
  <sheetData>
    <row r="1" spans="1:7" s="24" customFormat="1" ht="10.5" x14ac:dyDescent="0.2">
      <c r="A1" s="296"/>
      <c r="B1" s="296"/>
      <c r="C1" s="296"/>
      <c r="D1" s="296"/>
      <c r="E1" s="296"/>
      <c r="F1" s="296"/>
      <c r="G1" s="296"/>
    </row>
    <row r="2" spans="1:7" s="24" customFormat="1" ht="10.5" x14ac:dyDescent="0.2">
      <c r="D2" s="111"/>
      <c r="E2" s="111"/>
    </row>
    <row r="3" spans="1:7" s="43" customFormat="1" ht="10.5" x14ac:dyDescent="0.2">
      <c r="A3" s="731" t="s">
        <v>640</v>
      </c>
      <c r="B3" s="731"/>
      <c r="C3" s="731"/>
      <c r="D3" s="731"/>
      <c r="E3" s="731"/>
      <c r="F3" s="731"/>
      <c r="G3" s="731"/>
    </row>
    <row r="4" spans="1:7" s="43" customFormat="1" ht="10.5" x14ac:dyDescent="0.2">
      <c r="A4" s="731" t="s">
        <v>105</v>
      </c>
      <c r="B4" s="731"/>
      <c r="C4" s="731"/>
      <c r="D4" s="731"/>
      <c r="E4" s="731"/>
      <c r="F4" s="731"/>
      <c r="G4" s="731"/>
    </row>
    <row r="5" spans="1:7" s="43" customFormat="1" ht="10.5" x14ac:dyDescent="0.2">
      <c r="A5" s="731" t="s">
        <v>553</v>
      </c>
      <c r="B5" s="731"/>
      <c r="C5" s="731"/>
      <c r="D5" s="731"/>
      <c r="E5" s="731"/>
      <c r="F5" s="731"/>
      <c r="G5" s="731"/>
    </row>
    <row r="6" spans="1:7" s="43" customFormat="1" ht="10.5" x14ac:dyDescent="0.2">
      <c r="A6" s="731" t="s">
        <v>107</v>
      </c>
      <c r="B6" s="731"/>
      <c r="C6" s="731"/>
      <c r="D6" s="731"/>
      <c r="E6" s="731"/>
      <c r="F6" s="731"/>
      <c r="G6" s="731"/>
    </row>
    <row r="7" spans="1:7" s="43" customFormat="1" ht="10.5" x14ac:dyDescent="0.2">
      <c r="A7" s="731" t="s">
        <v>641</v>
      </c>
      <c r="B7" s="731"/>
      <c r="C7" s="731"/>
      <c r="D7" s="731"/>
      <c r="E7" s="731"/>
      <c r="F7" s="731"/>
      <c r="G7" s="731"/>
    </row>
    <row r="8" spans="1:7" s="24" customFormat="1" ht="10.5" x14ac:dyDescent="0.2">
      <c r="A8" s="44"/>
      <c r="B8" s="44"/>
      <c r="C8" s="44"/>
      <c r="D8" s="44"/>
      <c r="E8" s="44"/>
      <c r="F8" s="44"/>
      <c r="G8" s="44"/>
    </row>
    <row r="9" spans="1:7" s="24" customFormat="1" ht="10.5" x14ac:dyDescent="0.2">
      <c r="A9" s="24" t="s">
        <v>554</v>
      </c>
      <c r="D9" s="130"/>
      <c r="E9" s="111"/>
      <c r="G9" s="221">
        <v>1</v>
      </c>
    </row>
    <row r="10" spans="1:7" s="65" customFormat="1" ht="15" customHeight="1" x14ac:dyDescent="0.2">
      <c r="A10" s="783" t="s">
        <v>555</v>
      </c>
      <c r="B10" s="776" t="s">
        <v>161</v>
      </c>
      <c r="C10" s="777"/>
      <c r="D10" s="777"/>
      <c r="E10" s="777"/>
      <c r="F10" s="777"/>
      <c r="G10" s="777"/>
    </row>
    <row r="11" spans="1:7" s="65" customFormat="1" ht="15" customHeight="1" x14ac:dyDescent="0.2">
      <c r="A11" s="784"/>
      <c r="B11" s="789" t="s">
        <v>777</v>
      </c>
      <c r="C11" s="783"/>
      <c r="D11" s="789" t="s">
        <v>777</v>
      </c>
      <c r="E11" s="783"/>
      <c r="F11" s="734" t="s">
        <v>867</v>
      </c>
      <c r="G11" s="855"/>
    </row>
    <row r="12" spans="1:7" s="65" customFormat="1" ht="15" customHeight="1" x14ac:dyDescent="0.2">
      <c r="A12" s="785"/>
      <c r="B12" s="808" t="s">
        <v>116</v>
      </c>
      <c r="C12" s="788"/>
      <c r="D12" s="856" t="s">
        <v>117</v>
      </c>
      <c r="E12" s="748"/>
      <c r="F12" s="747" t="s">
        <v>152</v>
      </c>
      <c r="G12" s="856"/>
    </row>
    <row r="13" spans="1:7" s="65" customFormat="1" ht="10.5" x14ac:dyDescent="0.2">
      <c r="A13" s="155" t="s">
        <v>556</v>
      </c>
      <c r="B13" s="718">
        <v>8602359025.3500004</v>
      </c>
      <c r="C13" s="719"/>
      <c r="D13" s="718">
        <v>8602359025.3500004</v>
      </c>
      <c r="E13" s="719"/>
      <c r="F13" s="718">
        <v>8736798520.1899986</v>
      </c>
      <c r="G13" s="837"/>
    </row>
    <row r="14" spans="1:7" s="65" customFormat="1" ht="10.5" x14ac:dyDescent="0.2">
      <c r="A14" s="155" t="s">
        <v>184</v>
      </c>
      <c r="B14" s="720">
        <v>609938356.01999998</v>
      </c>
      <c r="C14" s="721"/>
      <c r="D14" s="720">
        <v>609938356.01999998</v>
      </c>
      <c r="E14" s="721"/>
      <c r="F14" s="720">
        <v>974628020.58999991</v>
      </c>
      <c r="G14" s="838"/>
    </row>
    <row r="15" spans="1:7" ht="10.5" x14ac:dyDescent="0.2">
      <c r="A15" s="165" t="s">
        <v>557</v>
      </c>
      <c r="B15" s="722">
        <v>755342169.38999999</v>
      </c>
      <c r="C15" s="723"/>
      <c r="D15" s="722">
        <v>755342169.38999999</v>
      </c>
      <c r="E15" s="723"/>
      <c r="F15" s="722">
        <v>1057554397.54</v>
      </c>
      <c r="G15" s="815"/>
    </row>
    <row r="16" spans="1:7" ht="10.5" x14ac:dyDescent="0.2">
      <c r="A16" s="165" t="s">
        <v>558</v>
      </c>
      <c r="B16" s="722">
        <v>0</v>
      </c>
      <c r="C16" s="723"/>
      <c r="D16" s="722">
        <v>0</v>
      </c>
      <c r="E16" s="723"/>
      <c r="F16" s="722">
        <v>0</v>
      </c>
      <c r="G16" s="815"/>
    </row>
    <row r="17" spans="1:7" ht="10.5" x14ac:dyDescent="0.2">
      <c r="A17" s="165" t="s">
        <v>559</v>
      </c>
      <c r="B17" s="722">
        <v>145403813.37</v>
      </c>
      <c r="C17" s="723"/>
      <c r="D17" s="722">
        <v>145403813.37</v>
      </c>
      <c r="E17" s="723"/>
      <c r="F17" s="722">
        <v>82926376.950000003</v>
      </c>
      <c r="G17" s="815"/>
    </row>
    <row r="18" spans="1:7" s="65" customFormat="1" ht="10.5" x14ac:dyDescent="0.2">
      <c r="A18" s="155" t="s">
        <v>560</v>
      </c>
      <c r="B18" s="720">
        <v>7992420669.3299999</v>
      </c>
      <c r="C18" s="721"/>
      <c r="D18" s="720">
        <v>7992420669.3299999</v>
      </c>
      <c r="E18" s="721"/>
      <c r="F18" s="720">
        <v>7762170499.5999985</v>
      </c>
      <c r="G18" s="838"/>
    </row>
    <row r="19" spans="1:7" s="65" customFormat="1" ht="10.5" x14ac:dyDescent="0.2">
      <c r="A19" s="155" t="s">
        <v>561</v>
      </c>
      <c r="B19" s="720">
        <v>0</v>
      </c>
      <c r="C19" s="721"/>
      <c r="D19" s="720">
        <v>0</v>
      </c>
      <c r="E19" s="721"/>
      <c r="F19" s="720">
        <v>0</v>
      </c>
      <c r="G19" s="838"/>
    </row>
    <row r="20" spans="1:7" s="65" customFormat="1" ht="10.5" x14ac:dyDescent="0.2">
      <c r="A20" s="155" t="s">
        <v>562</v>
      </c>
      <c r="B20" s="749">
        <v>94123805.310000002</v>
      </c>
      <c r="C20" s="750"/>
      <c r="D20" s="749">
        <v>94123805.310000002</v>
      </c>
      <c r="E20" s="750"/>
      <c r="F20" s="749">
        <v>93473319.310000002</v>
      </c>
      <c r="G20" s="839"/>
    </row>
    <row r="21" spans="1:7" s="65" customFormat="1" ht="15" customHeight="1" x14ac:dyDescent="0.2">
      <c r="A21" s="113" t="s">
        <v>563</v>
      </c>
      <c r="B21" s="703">
        <v>7898296864.0199995</v>
      </c>
      <c r="C21" s="704"/>
      <c r="D21" s="703">
        <v>7898296864.0199995</v>
      </c>
      <c r="E21" s="704"/>
      <c r="F21" s="703">
        <v>7668697180.2899981</v>
      </c>
      <c r="G21" s="816"/>
    </row>
    <row r="22" spans="1:7" ht="5.0999999999999996" customHeight="1" x14ac:dyDescent="0.2">
      <c r="B22" s="43"/>
      <c r="C22" s="43"/>
      <c r="D22" s="43"/>
      <c r="E22" s="43"/>
      <c r="F22" s="43"/>
      <c r="G22" s="43"/>
    </row>
    <row r="23" spans="1:7" s="65" customFormat="1" ht="15" customHeight="1" x14ac:dyDescent="0.2">
      <c r="A23" s="109"/>
      <c r="B23" s="740" t="s">
        <v>208</v>
      </c>
      <c r="C23" s="741"/>
      <c r="D23" s="741"/>
      <c r="E23" s="741"/>
      <c r="F23" s="741"/>
      <c r="G23" s="741"/>
    </row>
    <row r="24" spans="1:7" s="65" customFormat="1" ht="15" customHeight="1" x14ac:dyDescent="0.2">
      <c r="A24" s="163" t="s">
        <v>564</v>
      </c>
      <c r="B24" s="789" t="s">
        <v>113</v>
      </c>
      <c r="C24" s="790"/>
      <c r="D24" s="783"/>
      <c r="E24" s="789" t="s">
        <v>115</v>
      </c>
      <c r="F24" s="790"/>
      <c r="G24" s="790"/>
    </row>
    <row r="25" spans="1:7" s="65" customFormat="1" ht="15" customHeight="1" x14ac:dyDescent="0.2">
      <c r="A25" s="48"/>
      <c r="B25" s="860" t="s">
        <v>565</v>
      </c>
      <c r="C25" s="861"/>
      <c r="D25" s="696"/>
      <c r="E25" s="860" t="s">
        <v>566</v>
      </c>
      <c r="F25" s="861"/>
      <c r="G25" s="861"/>
    </row>
    <row r="26" spans="1:7" s="65" customFormat="1" ht="15" customHeight="1" x14ac:dyDescent="0.2">
      <c r="A26" s="164" t="s">
        <v>209</v>
      </c>
      <c r="B26" s="851">
        <v>-229599683.73000145</v>
      </c>
      <c r="C26" s="852"/>
      <c r="D26" s="857"/>
      <c r="E26" s="851">
        <v>-229599683.73000145</v>
      </c>
      <c r="F26" s="852"/>
      <c r="G26" s="852"/>
    </row>
    <row r="27" spans="1:7" ht="5.0999999999999996" customHeight="1" x14ac:dyDescent="0.2">
      <c r="B27" s="43"/>
      <c r="C27" s="43"/>
      <c r="D27" s="55"/>
      <c r="E27" s="55"/>
      <c r="F27" s="43"/>
      <c r="G27" s="43"/>
    </row>
    <row r="28" spans="1:7" s="65" customFormat="1" ht="15" customHeight="1" x14ac:dyDescent="0.2">
      <c r="A28" s="858" t="s">
        <v>567</v>
      </c>
      <c r="B28" s="858"/>
      <c r="C28" s="858"/>
      <c r="D28" s="859"/>
      <c r="E28" s="829" t="s">
        <v>568</v>
      </c>
      <c r="F28" s="823"/>
      <c r="G28" s="823"/>
    </row>
    <row r="29" spans="1:7" s="65" customFormat="1" ht="23.25" customHeight="1" x14ac:dyDescent="0.2">
      <c r="A29" s="853" t="s">
        <v>776</v>
      </c>
      <c r="B29" s="853"/>
      <c r="C29" s="853"/>
      <c r="D29" s="854"/>
      <c r="E29" s="851">
        <v>-279873000</v>
      </c>
      <c r="F29" s="852"/>
      <c r="G29" s="852"/>
    </row>
    <row r="30" spans="1:7" ht="5.0999999999999996" customHeight="1" x14ac:dyDescent="0.2">
      <c r="A30" s="23"/>
      <c r="B30" s="23"/>
      <c r="C30" s="23"/>
      <c r="D30" s="23"/>
      <c r="E30" s="63"/>
      <c r="F30" s="63"/>
      <c r="G30" s="63"/>
    </row>
    <row r="31" spans="1:7" s="65" customFormat="1" ht="15" customHeight="1" x14ac:dyDescent="0.2">
      <c r="A31" s="741" t="s">
        <v>569</v>
      </c>
      <c r="B31" s="741"/>
      <c r="C31" s="741"/>
      <c r="D31" s="741"/>
      <c r="E31" s="741"/>
      <c r="F31" s="741"/>
      <c r="G31" s="741"/>
    </row>
    <row r="32" spans="1:7" s="65" customFormat="1" ht="15" customHeight="1" x14ac:dyDescent="0.2">
      <c r="A32" s="109"/>
      <c r="B32" s="776" t="s">
        <v>161</v>
      </c>
      <c r="C32" s="777"/>
      <c r="D32" s="777"/>
      <c r="E32" s="777"/>
      <c r="F32" s="777"/>
      <c r="G32" s="777"/>
    </row>
    <row r="33" spans="1:7" s="65" customFormat="1" ht="15" customHeight="1" x14ac:dyDescent="0.2">
      <c r="A33" s="163" t="s">
        <v>570</v>
      </c>
      <c r="B33" s="789" t="s">
        <v>777</v>
      </c>
      <c r="C33" s="783"/>
      <c r="D33" s="789" t="s">
        <v>777</v>
      </c>
      <c r="E33" s="783"/>
      <c r="F33" s="734" t="s">
        <v>867</v>
      </c>
      <c r="G33" s="855"/>
    </row>
    <row r="34" spans="1:7" s="65" customFormat="1" ht="15" customHeight="1" x14ac:dyDescent="0.2">
      <c r="A34" s="48"/>
      <c r="B34" s="808" t="s">
        <v>116</v>
      </c>
      <c r="C34" s="788"/>
      <c r="D34" s="856" t="s">
        <v>117</v>
      </c>
      <c r="E34" s="748"/>
      <c r="F34" s="747" t="s">
        <v>152</v>
      </c>
      <c r="G34" s="856"/>
    </row>
    <row r="35" spans="1:7" s="65" customFormat="1" ht="10.5" x14ac:dyDescent="0.2">
      <c r="A35" s="65" t="s">
        <v>571</v>
      </c>
      <c r="B35" s="718">
        <v>44598835.219999999</v>
      </c>
      <c r="C35" s="719"/>
      <c r="D35" s="718">
        <v>44598835.219999999</v>
      </c>
      <c r="E35" s="719"/>
      <c r="F35" s="718">
        <v>44598835.219999999</v>
      </c>
      <c r="G35" s="837"/>
    </row>
    <row r="36" spans="1:7" ht="10.5" x14ac:dyDescent="0.2">
      <c r="A36" s="166" t="s">
        <v>572</v>
      </c>
      <c r="B36" s="722">
        <v>44598835.219999999</v>
      </c>
      <c r="C36" s="723"/>
      <c r="D36" s="722">
        <v>44598835.219999999</v>
      </c>
      <c r="E36" s="723"/>
      <c r="F36" s="722">
        <v>44598835.219999999</v>
      </c>
      <c r="G36" s="815"/>
    </row>
    <row r="37" spans="1:7" ht="10.5" x14ac:dyDescent="0.2">
      <c r="A37" s="166" t="s">
        <v>573</v>
      </c>
      <c r="B37" s="722">
        <v>0</v>
      </c>
      <c r="C37" s="723"/>
      <c r="D37" s="722">
        <v>0</v>
      </c>
      <c r="E37" s="723"/>
      <c r="F37" s="722">
        <v>0</v>
      </c>
      <c r="G37" s="815"/>
    </row>
    <row r="38" spans="1:7" s="65" customFormat="1" ht="10.5" x14ac:dyDescent="0.2">
      <c r="A38" s="65" t="s">
        <v>574</v>
      </c>
      <c r="B38" s="720">
        <v>32803010.439999998</v>
      </c>
      <c r="C38" s="721"/>
      <c r="D38" s="720">
        <v>32803010.439999998</v>
      </c>
      <c r="E38" s="721"/>
      <c r="F38" s="720">
        <v>61187021.109999999</v>
      </c>
      <c r="G38" s="838"/>
    </row>
    <row r="39" spans="1:7" ht="10.5" x14ac:dyDescent="0.2">
      <c r="A39" s="166" t="s">
        <v>575</v>
      </c>
      <c r="B39" s="722">
        <v>564137.87</v>
      </c>
      <c r="C39" s="723"/>
      <c r="D39" s="722">
        <v>564137.87</v>
      </c>
      <c r="E39" s="723"/>
      <c r="F39" s="722">
        <v>24100740.690000001</v>
      </c>
      <c r="G39" s="815"/>
    </row>
    <row r="40" spans="1:7" ht="10.5" x14ac:dyDescent="0.2">
      <c r="A40" s="166" t="s">
        <v>576</v>
      </c>
      <c r="B40" s="722">
        <v>44034697.350000001</v>
      </c>
      <c r="C40" s="723"/>
      <c r="D40" s="722">
        <v>44034697.350000001</v>
      </c>
      <c r="E40" s="723"/>
      <c r="F40" s="722">
        <v>48882105.200000003</v>
      </c>
      <c r="G40" s="815"/>
    </row>
    <row r="41" spans="1:7" ht="10.5" x14ac:dyDescent="0.2">
      <c r="A41" s="166" t="s">
        <v>558</v>
      </c>
      <c r="B41" s="722">
        <v>0</v>
      </c>
      <c r="C41" s="723"/>
      <c r="D41" s="722">
        <v>0</v>
      </c>
      <c r="E41" s="723"/>
      <c r="F41" s="722">
        <v>0</v>
      </c>
      <c r="G41" s="815"/>
    </row>
    <row r="42" spans="1:7" ht="10.5" x14ac:dyDescent="0.2">
      <c r="A42" s="166" t="s">
        <v>577</v>
      </c>
      <c r="B42" s="722">
        <v>11795824.779999999</v>
      </c>
      <c r="C42" s="723"/>
      <c r="D42" s="722">
        <v>11795824.779999999</v>
      </c>
      <c r="E42" s="723"/>
      <c r="F42" s="722">
        <v>11795824.779999999</v>
      </c>
      <c r="G42" s="815"/>
    </row>
    <row r="43" spans="1:7" s="65" customFormat="1" ht="12.75" customHeight="1" x14ac:dyDescent="0.2">
      <c r="A43" s="65" t="s">
        <v>578</v>
      </c>
      <c r="B43" s="720">
        <v>11795824.780000001</v>
      </c>
      <c r="C43" s="721"/>
      <c r="D43" s="720">
        <v>11795824.780000001</v>
      </c>
      <c r="E43" s="721"/>
      <c r="F43" s="720">
        <v>-16588185.890000001</v>
      </c>
      <c r="G43" s="838"/>
    </row>
    <row r="44" spans="1:7" s="65" customFormat="1" ht="13.5" customHeight="1" x14ac:dyDescent="0.2">
      <c r="A44" s="65" t="s">
        <v>579</v>
      </c>
      <c r="B44" s="749"/>
      <c r="C44" s="750"/>
      <c r="D44" s="749"/>
      <c r="E44" s="750"/>
      <c r="F44" s="749"/>
      <c r="G44" s="839"/>
    </row>
    <row r="45" spans="1:7" s="65" customFormat="1" ht="15" customHeight="1" x14ac:dyDescent="0.2">
      <c r="A45" s="113" t="s">
        <v>580</v>
      </c>
      <c r="B45" s="703">
        <v>11795824.780000001</v>
      </c>
      <c r="C45" s="704"/>
      <c r="D45" s="703">
        <v>11795824.780000001</v>
      </c>
      <c r="E45" s="704"/>
      <c r="F45" s="703">
        <v>-16588185.890000001</v>
      </c>
      <c r="G45" s="816"/>
    </row>
    <row r="46" spans="1:7" ht="12.75" customHeight="1" x14ac:dyDescent="0.2">
      <c r="A46" s="64" t="s">
        <v>878</v>
      </c>
      <c r="B46" s="73"/>
      <c r="C46" s="73"/>
      <c r="D46" s="73"/>
      <c r="E46" s="73"/>
      <c r="F46" s="73"/>
      <c r="G46" s="300"/>
    </row>
    <row r="47" spans="1:7" ht="11.25" customHeight="1" x14ac:dyDescent="0.2">
      <c r="A47" s="174"/>
    </row>
    <row r="51" spans="1:7" ht="11.25" customHeight="1" x14ac:dyDescent="0.2">
      <c r="A51" s="270"/>
      <c r="B51" s="270"/>
      <c r="C51" s="270"/>
      <c r="D51" s="270"/>
      <c r="E51" s="270"/>
      <c r="F51" s="270"/>
      <c r="G51" s="270"/>
    </row>
    <row r="52" spans="1:7" ht="11.25" customHeight="1" x14ac:dyDescent="0.2">
      <c r="A52" s="270"/>
      <c r="B52" s="270"/>
      <c r="C52" s="270"/>
      <c r="D52" s="270"/>
      <c r="E52" s="270"/>
      <c r="F52" s="270"/>
      <c r="G52" s="270"/>
    </row>
    <row r="53" spans="1:7" ht="11.25" customHeight="1" x14ac:dyDescent="0.2">
      <c r="A53" s="270"/>
      <c r="B53" s="270"/>
      <c r="C53" s="270"/>
      <c r="D53" s="270"/>
      <c r="E53" s="270"/>
      <c r="F53" s="270"/>
      <c r="G53" s="270"/>
    </row>
    <row r="54" spans="1:7" ht="11.25" customHeight="1" x14ac:dyDescent="0.2">
      <c r="A54" s="270"/>
      <c r="B54" s="270"/>
      <c r="C54" s="270"/>
      <c r="D54" s="270"/>
      <c r="E54" s="270"/>
      <c r="F54" s="270"/>
      <c r="G54" s="270"/>
    </row>
    <row r="55" spans="1:7" ht="11.25" customHeight="1" x14ac:dyDescent="0.2">
      <c r="A55" s="270"/>
      <c r="B55" s="270"/>
      <c r="C55" s="270"/>
      <c r="D55" s="270"/>
      <c r="E55" s="270"/>
      <c r="F55" s="270"/>
      <c r="G55" s="270"/>
    </row>
    <row r="56" spans="1:7" ht="11.25" customHeight="1" x14ac:dyDescent="0.2">
      <c r="A56" s="270"/>
      <c r="B56" s="270"/>
      <c r="C56" s="270"/>
      <c r="D56" s="270"/>
      <c r="E56" s="270"/>
      <c r="F56" s="270"/>
      <c r="G56" s="270"/>
    </row>
    <row r="57" spans="1:7" ht="11.25" customHeight="1" x14ac:dyDescent="0.2">
      <c r="A57" s="270"/>
      <c r="B57" s="270"/>
      <c r="C57" s="270"/>
      <c r="D57" s="270"/>
      <c r="E57" s="270"/>
      <c r="F57" s="270"/>
      <c r="G57" s="270"/>
    </row>
    <row r="58" spans="1:7" ht="11.25" customHeight="1" x14ac:dyDescent="0.2">
      <c r="A58" s="270"/>
      <c r="B58" s="270"/>
      <c r="C58" s="270"/>
      <c r="D58" s="270"/>
      <c r="E58" s="270"/>
      <c r="F58" s="270"/>
      <c r="G58" s="270"/>
    </row>
    <row r="59" spans="1:7" ht="11.25" customHeight="1" x14ac:dyDescent="0.2">
      <c r="A59" s="270"/>
      <c r="B59" s="270"/>
      <c r="C59" s="270"/>
      <c r="D59" s="270"/>
      <c r="E59" s="270"/>
      <c r="F59" s="270"/>
      <c r="G59" s="270"/>
    </row>
    <row r="60" spans="1:7" ht="11.25" customHeight="1" x14ac:dyDescent="0.2">
      <c r="A60" s="270"/>
      <c r="B60" s="270"/>
      <c r="C60" s="270"/>
      <c r="D60" s="270"/>
      <c r="E60" s="270"/>
      <c r="F60" s="270"/>
      <c r="G60" s="270"/>
    </row>
    <row r="61" spans="1:7" ht="11.25" customHeight="1" x14ac:dyDescent="0.2">
      <c r="A61" s="270"/>
      <c r="B61" s="270"/>
      <c r="C61" s="270"/>
      <c r="D61" s="270"/>
      <c r="E61" s="270"/>
      <c r="F61" s="270"/>
      <c r="G61" s="270"/>
    </row>
    <row r="62" spans="1:7" ht="11.25" customHeight="1" x14ac:dyDescent="0.2">
      <c r="A62" s="270"/>
      <c r="B62" s="270"/>
      <c r="C62" s="270"/>
      <c r="D62" s="270"/>
      <c r="E62" s="270"/>
      <c r="F62" s="270"/>
      <c r="G62" s="270"/>
    </row>
    <row r="63" spans="1:7" ht="11.25" customHeight="1" x14ac:dyDescent="0.2">
      <c r="A63" s="270"/>
      <c r="B63" s="270"/>
      <c r="C63" s="270"/>
      <c r="D63" s="270"/>
      <c r="E63" s="270"/>
      <c r="F63" s="270"/>
      <c r="G63" s="270"/>
    </row>
    <row r="64" spans="1:7" ht="11.25" customHeight="1" x14ac:dyDescent="0.2">
      <c r="A64" s="270"/>
      <c r="B64" s="270"/>
      <c r="C64" s="270"/>
      <c r="D64" s="270"/>
      <c r="E64" s="270"/>
      <c r="F64" s="270"/>
      <c r="G64" s="270"/>
    </row>
    <row r="65" spans="1:7" ht="11.25" customHeight="1" x14ac:dyDescent="0.2">
      <c r="A65" s="270"/>
      <c r="B65" s="270"/>
      <c r="C65" s="270"/>
      <c r="D65" s="270"/>
      <c r="E65" s="270"/>
      <c r="F65" s="270"/>
      <c r="G65" s="270"/>
    </row>
    <row r="66" spans="1:7" ht="11.25" customHeight="1" x14ac:dyDescent="0.2">
      <c r="A66" s="270"/>
      <c r="B66" s="270"/>
      <c r="C66" s="270"/>
      <c r="D66" s="270"/>
      <c r="E66" s="270"/>
      <c r="F66" s="270"/>
      <c r="G66" s="270"/>
    </row>
  </sheetData>
  <customSheetViews>
    <customSheetView guid="{8C4C4E05-26A9-48D7-9CF5-CBEE6AE5F4C6}" showPageBreaks="1" showGridLines="0" fitToPage="1" printArea="1">
      <pane xSplit="1" ySplit="11" topLeftCell="B13" activePane="bottomRight" state="frozen"/>
      <selection pane="bottomRight" activeCell="E29" sqref="E29:G29"/>
      <pageMargins left="0.39370078740157483" right="0.39370078740157483" top="0.39370078740157483" bottom="0.39370078740157483" header="0" footer="0"/>
      <printOptions horizontalCentered="1"/>
      <pageSetup paperSize="9" scale="68" orientation="portrait" r:id="rId1"/>
      <headerFooter alignWithMargins="0"/>
    </customSheetView>
    <customSheetView guid="{6F6CE139-4C01-4DC6-BA1C-5DC7C1E4A87D}" showPageBreaks="1" showGridLines="0" fitToPage="1" printArea="1">
      <selection activeCell="E29" sqref="E29:G29"/>
      <pageMargins left="0.19685039370078741" right="0.19685039370078741" top="0.39370078740157483" bottom="0.19685039370078741" header="0" footer="0"/>
      <printOptions horizontalCentered="1"/>
      <pageSetup paperSize="9" scale="71" orientation="portrait" r:id="rId2"/>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3"/>
      <headerFooter alignWithMargins="0"/>
    </customSheetView>
    <customSheetView guid="{82EDB5A4-4824-4632-A540-7A52C92F04C7}" showGridLines="0" fitToPage="1" topLeftCell="A19">
      <selection activeCell="F43" sqref="F43:G43"/>
      <pageMargins left="0.78740157480314965" right="0.78740157480314965" top="0.98425196850393704" bottom="0.98425196850393704" header="0.51181102362204722" footer="0.51181102362204722"/>
      <printOptions horizontalCentered="1"/>
      <pageSetup paperSize="9" scale="57" orientation="landscape" r:id="rId4"/>
      <headerFooter alignWithMargins="0"/>
    </customSheetView>
    <customSheetView guid="{6DBFA32C-4AA4-4E1D-9A48-697377C64CC3}" showGridLines="0" fitToPage="1">
      <pageMargins left="0.19685039370078741" right="0.19685039370078741" top="0.39370078740157483" bottom="0.19685039370078741" header="0" footer="0"/>
      <printOptions horizontalCentered="1"/>
      <pageSetup paperSize="9" scale="71" orientation="portrait" r:id="rId5"/>
      <headerFooter alignWithMargins="0"/>
    </customSheetView>
    <customSheetView guid="{3AAF6A5F-F9AA-430B-9AD9-1261ECDF41B5}" showPageBreaks="1" showGridLines="0" fitToPage="1" printArea="1">
      <pane xSplit="1" ySplit="11" topLeftCell="B13" activePane="bottomRight" state="frozen"/>
      <selection pane="bottomRight" activeCell="E29" sqref="E29:G29"/>
      <pageMargins left="0.39370078740157483" right="0.39370078740157483" top="0.39370078740157483" bottom="0.39370078740157483" header="0" footer="0"/>
      <printOptions horizontalCentered="1"/>
      <pageSetup paperSize="9" scale="68" orientation="portrait" r:id="rId6"/>
      <headerFooter alignWithMargins="0"/>
    </customSheetView>
    <customSheetView guid="{25EF1E0D-169B-4051-B414-7E1196FC05E4}" showPageBreaks="1" showGridLines="0" fitToPage="1" printArea="1" topLeftCell="A22">
      <selection activeCell="F37" sqref="F37:G37"/>
      <pageMargins left="0.19685039370078741" right="0.19685039370078741" top="0.19685039370078741" bottom="0.19685039370078741" header="0.51181102362204722" footer="0"/>
      <printOptions horizontalCentered="1"/>
      <pageSetup paperSize="9" scale="71" orientation="portrait" r:id="rId7"/>
      <headerFooter alignWithMargins="0"/>
    </customSheetView>
  </customSheetViews>
  <mergeCells count="92">
    <mergeCell ref="B24:D24"/>
    <mergeCell ref="E24:G24"/>
    <mergeCell ref="B25:D25"/>
    <mergeCell ref="E25:G25"/>
    <mergeCell ref="B14:C14"/>
    <mergeCell ref="D14:E14"/>
    <mergeCell ref="F15:G15"/>
    <mergeCell ref="B16:C16"/>
    <mergeCell ref="D16:E16"/>
    <mergeCell ref="F16:G16"/>
    <mergeCell ref="B17:C17"/>
    <mergeCell ref="D17:E17"/>
    <mergeCell ref="F17:G17"/>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A3:G3"/>
    <mergeCell ref="A4:G4"/>
    <mergeCell ref="A5:G5"/>
    <mergeCell ref="A6:G6"/>
    <mergeCell ref="A7:G7"/>
    <mergeCell ref="A31:G31"/>
    <mergeCell ref="E29:G29"/>
    <mergeCell ref="A29:D29"/>
    <mergeCell ref="B23:G23"/>
    <mergeCell ref="A10:A12"/>
    <mergeCell ref="B11:C11"/>
    <mergeCell ref="D11:E11"/>
    <mergeCell ref="F11:G11"/>
    <mergeCell ref="B12:C12"/>
    <mergeCell ref="D12:E12"/>
    <mergeCell ref="F12:G12"/>
    <mergeCell ref="B13:C13"/>
    <mergeCell ref="B21:C21"/>
    <mergeCell ref="D21:E21"/>
    <mergeCell ref="F21:G21"/>
    <mergeCell ref="B19:C19"/>
    <mergeCell ref="D13:E13"/>
    <mergeCell ref="F13:G13"/>
    <mergeCell ref="B10:G10"/>
    <mergeCell ref="D19:E19"/>
    <mergeCell ref="F19:G19"/>
    <mergeCell ref="B20:C20"/>
    <mergeCell ref="D20:E20"/>
    <mergeCell ref="F20:G20"/>
    <mergeCell ref="B18:C18"/>
    <mergeCell ref="D18:E18"/>
    <mergeCell ref="F18:G18"/>
    <mergeCell ref="F14:G14"/>
    <mergeCell ref="B15:C15"/>
    <mergeCell ref="D15:E15"/>
  </mergeCells>
  <printOptions horizontalCentered="1"/>
  <pageMargins left="0.39370078740157483" right="0.39370078740157483" top="0.39370078740157483" bottom="0.39370078740157483" header="0" footer="0"/>
  <pageSetup paperSize="9" scale="67"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00B050"/>
    <pageSetUpPr fitToPage="1"/>
  </sheetPr>
  <dimension ref="A1:L92"/>
  <sheetViews>
    <sheetView showGridLines="0" zoomScaleNormal="100" workbookViewId="0"/>
  </sheetViews>
  <sheetFormatPr defaultColWidth="9.140625" defaultRowHeight="11.25" customHeight="1" x14ac:dyDescent="0.2"/>
  <cols>
    <col min="1" max="1" width="59.42578125" style="18" customWidth="1"/>
    <col min="2" max="2" width="20.7109375" style="18" customWidth="1"/>
    <col min="3" max="3" width="20.7109375" style="209" customWidth="1"/>
    <col min="4" max="5" width="20.7109375" style="18" customWidth="1"/>
    <col min="6" max="8" width="19" style="18" customWidth="1"/>
    <col min="9" max="9" width="7.85546875" style="18"/>
    <col min="10" max="10" width="21.28515625" style="18" customWidth="1"/>
    <col min="11" max="16384" width="9.140625" style="18"/>
  </cols>
  <sheetData>
    <row r="1" spans="1:12" s="44" customFormat="1" ht="11.25" customHeight="1" x14ac:dyDescent="0.2">
      <c r="A1" s="296" t="s">
        <v>884</v>
      </c>
      <c r="B1" s="296"/>
      <c r="C1" s="296"/>
      <c r="D1" s="296"/>
      <c r="E1" s="296"/>
      <c r="F1" s="296"/>
      <c r="G1" s="296"/>
      <c r="H1" s="296"/>
    </row>
    <row r="2" spans="1:12" s="44" customFormat="1" ht="11.25" customHeight="1" x14ac:dyDescent="0.2">
      <c r="A2" s="24"/>
      <c r="B2" s="24"/>
      <c r="C2" s="111"/>
      <c r="D2" s="24"/>
    </row>
    <row r="3" spans="1:12" s="199" customFormat="1" ht="11.25" customHeight="1" x14ac:dyDescent="0.2">
      <c r="A3" s="731" t="s">
        <v>640</v>
      </c>
      <c r="B3" s="731"/>
      <c r="C3" s="731"/>
      <c r="D3" s="731"/>
      <c r="E3" s="731"/>
      <c r="F3" s="731"/>
      <c r="G3" s="731"/>
      <c r="H3" s="731"/>
    </row>
    <row r="4" spans="1:12" s="199" customFormat="1" ht="11.25" customHeight="1" x14ac:dyDescent="0.2">
      <c r="A4" s="731" t="s">
        <v>105</v>
      </c>
      <c r="B4" s="731"/>
      <c r="C4" s="731"/>
      <c r="D4" s="731"/>
      <c r="E4" s="731"/>
      <c r="F4" s="731"/>
      <c r="G4" s="731"/>
      <c r="H4" s="731"/>
    </row>
    <row r="5" spans="1:12" s="199" customFormat="1" ht="11.25" customHeight="1" x14ac:dyDescent="0.2">
      <c r="A5" s="731" t="s">
        <v>581</v>
      </c>
      <c r="B5" s="731"/>
      <c r="C5" s="731"/>
      <c r="D5" s="731"/>
      <c r="E5" s="731"/>
      <c r="F5" s="731"/>
      <c r="G5" s="731"/>
      <c r="H5" s="731"/>
    </row>
    <row r="6" spans="1:12" s="199" customFormat="1" ht="11.25" customHeight="1" x14ac:dyDescent="0.2">
      <c r="A6" s="731" t="s">
        <v>107</v>
      </c>
      <c r="B6" s="731"/>
      <c r="C6" s="731"/>
      <c r="D6" s="731"/>
      <c r="E6" s="731"/>
      <c r="F6" s="731"/>
      <c r="G6" s="731"/>
      <c r="H6" s="731"/>
    </row>
    <row r="7" spans="1:12" s="199" customFormat="1" ht="11.25" customHeight="1" x14ac:dyDescent="0.2">
      <c r="A7" s="731" t="s">
        <v>641</v>
      </c>
      <c r="B7" s="731"/>
      <c r="C7" s="731"/>
      <c r="D7" s="731"/>
      <c r="E7" s="731"/>
      <c r="F7" s="731"/>
      <c r="G7" s="731"/>
      <c r="H7" s="731"/>
    </row>
    <row r="8" spans="1:12" s="44" customFormat="1" ht="11.25" customHeight="1" x14ac:dyDescent="0.2">
      <c r="A8" s="24"/>
      <c r="B8" s="311"/>
      <c r="C8" s="311"/>
      <c r="D8" s="24"/>
    </row>
    <row r="9" spans="1:12" s="44" customFormat="1" ht="11.25" customHeight="1" x14ac:dyDescent="0.2">
      <c r="A9" s="139" t="s">
        <v>582</v>
      </c>
      <c r="B9" s="348"/>
      <c r="C9" s="347"/>
      <c r="H9" s="221">
        <v>1</v>
      </c>
    </row>
    <row r="10" spans="1:12" s="204" customFormat="1" ht="16.5" customHeight="1" x14ac:dyDescent="0.2">
      <c r="A10" s="694" t="s">
        <v>583</v>
      </c>
      <c r="B10" s="789" t="s">
        <v>235</v>
      </c>
      <c r="C10" s="783"/>
      <c r="D10" s="776" t="s">
        <v>109</v>
      </c>
      <c r="E10" s="777"/>
      <c r="F10" s="777"/>
      <c r="G10" s="777"/>
      <c r="H10" s="777"/>
    </row>
    <row r="11" spans="1:12" s="204" customFormat="1" ht="18" customHeight="1" x14ac:dyDescent="0.2">
      <c r="A11" s="695"/>
      <c r="B11" s="809"/>
      <c r="C11" s="784"/>
      <c r="D11" s="789" t="s">
        <v>115</v>
      </c>
      <c r="E11" s="790"/>
      <c r="F11" s="779" t="s">
        <v>115</v>
      </c>
      <c r="G11" s="779"/>
      <c r="H11" s="789"/>
    </row>
    <row r="12" spans="1:12" s="204" customFormat="1" ht="18" customHeight="1" x14ac:dyDescent="0.2">
      <c r="A12" s="696"/>
      <c r="B12" s="810"/>
      <c r="C12" s="785"/>
      <c r="D12" s="808">
        <v>2015</v>
      </c>
      <c r="E12" s="824"/>
      <c r="F12" s="780">
        <v>2014</v>
      </c>
      <c r="G12" s="780"/>
      <c r="H12" s="810"/>
    </row>
    <row r="13" spans="1:12" s="204" customFormat="1" ht="11.25" customHeight="1" x14ac:dyDescent="0.2">
      <c r="A13" s="61" t="s">
        <v>584</v>
      </c>
      <c r="B13" s="718">
        <v>12295541334.65</v>
      </c>
      <c r="C13" s="719"/>
      <c r="D13" s="718">
        <v>1854564559.2500002</v>
      </c>
      <c r="E13" s="719"/>
      <c r="F13" s="718">
        <v>2035247671.2</v>
      </c>
      <c r="G13" s="837"/>
      <c r="H13" s="837"/>
      <c r="J13" s="585"/>
      <c r="K13" s="585"/>
      <c r="L13" s="585"/>
    </row>
    <row r="14" spans="1:12" ht="11.25" customHeight="1" x14ac:dyDescent="0.2">
      <c r="A14" s="55" t="s">
        <v>585</v>
      </c>
      <c r="B14" s="722">
        <v>7047013200</v>
      </c>
      <c r="C14" s="723"/>
      <c r="D14" s="722">
        <v>1224456633.5500002</v>
      </c>
      <c r="E14" s="723"/>
      <c r="F14" s="722">
        <v>1215105674.97</v>
      </c>
      <c r="G14" s="815"/>
      <c r="H14" s="815"/>
      <c r="J14" s="585"/>
      <c r="K14" s="585"/>
      <c r="L14" s="585"/>
    </row>
    <row r="15" spans="1:12" ht="11.25" customHeight="1" x14ac:dyDescent="0.2">
      <c r="A15" s="111" t="s">
        <v>418</v>
      </c>
      <c r="B15" s="722">
        <v>5724506000</v>
      </c>
      <c r="C15" s="723"/>
      <c r="D15" s="722">
        <v>943436922.58000004</v>
      </c>
      <c r="E15" s="723"/>
      <c r="F15" s="722">
        <v>915133908.72000003</v>
      </c>
      <c r="G15" s="815"/>
      <c r="H15" s="815"/>
      <c r="J15" s="585"/>
      <c r="K15" s="585"/>
      <c r="L15" s="585"/>
    </row>
    <row r="16" spans="1:12" ht="11.25" customHeight="1" x14ac:dyDescent="0.2">
      <c r="A16" s="111" t="s">
        <v>419</v>
      </c>
      <c r="B16" s="722">
        <v>295507000</v>
      </c>
      <c r="C16" s="723"/>
      <c r="D16" s="722">
        <v>180699041.46000001</v>
      </c>
      <c r="E16" s="723"/>
      <c r="F16" s="722">
        <v>182616763.69</v>
      </c>
      <c r="G16" s="815"/>
      <c r="H16" s="815"/>
      <c r="J16" s="585"/>
      <c r="K16" s="585"/>
      <c r="L16" s="585"/>
    </row>
    <row r="17" spans="1:12" ht="11.25" customHeight="1" x14ac:dyDescent="0.2">
      <c r="A17" s="111" t="s">
        <v>420</v>
      </c>
      <c r="B17" s="722">
        <v>84640000</v>
      </c>
      <c r="C17" s="723"/>
      <c r="D17" s="722">
        <v>8949828.1400000006</v>
      </c>
      <c r="E17" s="723"/>
      <c r="F17" s="722">
        <v>10860955.789999999</v>
      </c>
      <c r="G17" s="815"/>
      <c r="H17" s="815"/>
      <c r="J17" s="585"/>
      <c r="K17" s="585"/>
      <c r="L17" s="585"/>
    </row>
    <row r="18" spans="1:12" ht="11.25" customHeight="1" x14ac:dyDescent="0.2">
      <c r="A18" s="111" t="s">
        <v>417</v>
      </c>
      <c r="B18" s="722">
        <v>510400000</v>
      </c>
      <c r="C18" s="723"/>
      <c r="D18" s="722">
        <v>59309857.530000001</v>
      </c>
      <c r="E18" s="723"/>
      <c r="F18" s="722">
        <v>66916221.920000002</v>
      </c>
      <c r="G18" s="815"/>
      <c r="H18" s="815"/>
      <c r="J18" s="585"/>
      <c r="K18" s="585"/>
      <c r="L18" s="585"/>
    </row>
    <row r="19" spans="1:12" ht="11.25" customHeight="1" x14ac:dyDescent="0.2">
      <c r="A19" s="112" t="s">
        <v>421</v>
      </c>
      <c r="B19" s="722">
        <v>431960200</v>
      </c>
      <c r="C19" s="723"/>
      <c r="D19" s="722">
        <v>32060983.840000153</v>
      </c>
      <c r="E19" s="723"/>
      <c r="F19" s="722">
        <v>39577824.850000001</v>
      </c>
      <c r="G19" s="815"/>
      <c r="H19" s="815"/>
      <c r="J19" s="585"/>
      <c r="K19" s="585"/>
      <c r="L19" s="585"/>
    </row>
    <row r="20" spans="1:12" ht="11.25" customHeight="1" x14ac:dyDescent="0.2">
      <c r="A20" s="55" t="s">
        <v>586</v>
      </c>
      <c r="B20" s="722">
        <v>1568492900</v>
      </c>
      <c r="C20" s="723"/>
      <c r="D20" s="722">
        <v>109130439.64</v>
      </c>
      <c r="E20" s="723"/>
      <c r="F20" s="722">
        <v>51643664.200000003</v>
      </c>
      <c r="G20" s="815"/>
      <c r="H20" s="815"/>
      <c r="J20" s="585"/>
      <c r="K20" s="585"/>
      <c r="L20" s="585"/>
    </row>
    <row r="21" spans="1:12" ht="11.25" customHeight="1" x14ac:dyDescent="0.2">
      <c r="A21" s="55" t="s">
        <v>587</v>
      </c>
      <c r="B21" s="722">
        <v>1568492900</v>
      </c>
      <c r="C21" s="723"/>
      <c r="D21" s="722">
        <v>109130439.64</v>
      </c>
      <c r="E21" s="723"/>
      <c r="F21" s="722">
        <v>51514042.920000002</v>
      </c>
      <c r="G21" s="815"/>
      <c r="H21" s="815"/>
      <c r="J21" s="585"/>
      <c r="K21" s="585"/>
      <c r="L21" s="585"/>
    </row>
    <row r="22" spans="1:12" ht="11.25" customHeight="1" x14ac:dyDescent="0.2">
      <c r="A22" s="55" t="s">
        <v>155</v>
      </c>
      <c r="B22" s="722">
        <v>0</v>
      </c>
      <c r="C22" s="723"/>
      <c r="D22" s="722">
        <v>0</v>
      </c>
      <c r="E22" s="723"/>
      <c r="F22" s="722">
        <v>129621.28</v>
      </c>
      <c r="G22" s="815"/>
      <c r="H22" s="815"/>
      <c r="J22" s="585"/>
      <c r="K22" s="585"/>
      <c r="L22" s="585"/>
    </row>
    <row r="23" spans="1:12" ht="11.25" customHeight="1" x14ac:dyDescent="0.2">
      <c r="A23" s="55" t="s">
        <v>588</v>
      </c>
      <c r="B23" s="722">
        <v>68435400</v>
      </c>
      <c r="C23" s="723"/>
      <c r="D23" s="722">
        <v>965845.65999999829</v>
      </c>
      <c r="E23" s="723"/>
      <c r="F23" s="722">
        <v>4638534.58</v>
      </c>
      <c r="G23" s="815"/>
      <c r="H23" s="815"/>
      <c r="J23" s="585"/>
      <c r="K23" s="585"/>
      <c r="L23" s="585"/>
    </row>
    <row r="24" spans="1:12" ht="11.25" customHeight="1" x14ac:dyDescent="0.2">
      <c r="A24" s="55" t="s">
        <v>311</v>
      </c>
      <c r="B24" s="722">
        <v>135829800</v>
      </c>
      <c r="C24" s="723"/>
      <c r="D24" s="722">
        <v>13399177.809999999</v>
      </c>
      <c r="E24" s="723"/>
      <c r="F24" s="722">
        <v>35758914.020000003</v>
      </c>
      <c r="G24" s="815"/>
      <c r="H24" s="815"/>
      <c r="J24" s="585"/>
      <c r="K24" s="585"/>
      <c r="L24" s="585"/>
    </row>
    <row r="25" spans="1:12" ht="11.25" customHeight="1" x14ac:dyDescent="0.2">
      <c r="A25" s="55" t="s">
        <v>589</v>
      </c>
      <c r="B25" s="722">
        <v>67394400</v>
      </c>
      <c r="C25" s="723"/>
      <c r="D25" s="722">
        <v>12433332.15</v>
      </c>
      <c r="E25" s="723"/>
      <c r="F25" s="722">
        <v>31120379.440000001</v>
      </c>
      <c r="G25" s="815"/>
      <c r="H25" s="815"/>
      <c r="J25" s="585"/>
      <c r="K25" s="585"/>
      <c r="L25" s="585"/>
    </row>
    <row r="26" spans="1:12" ht="11.25" customHeight="1" x14ac:dyDescent="0.2">
      <c r="A26" s="55" t="s">
        <v>182</v>
      </c>
      <c r="B26" s="722">
        <v>2984392800</v>
      </c>
      <c r="C26" s="723"/>
      <c r="D26" s="722">
        <v>428321326.30000007</v>
      </c>
      <c r="E26" s="723"/>
      <c r="F26" s="722">
        <v>472806141.25999999</v>
      </c>
      <c r="G26" s="815"/>
      <c r="H26" s="815"/>
      <c r="J26" s="585"/>
      <c r="K26" s="585"/>
      <c r="L26" s="585"/>
    </row>
    <row r="27" spans="1:12" ht="11.25" customHeight="1" x14ac:dyDescent="0.2">
      <c r="A27" s="62" t="s">
        <v>818</v>
      </c>
      <c r="B27" s="722">
        <v>856400000</v>
      </c>
      <c r="C27" s="723"/>
      <c r="D27" s="722">
        <v>167329372.93000001</v>
      </c>
      <c r="E27" s="723"/>
      <c r="F27" s="722">
        <v>168327429.63999999</v>
      </c>
      <c r="G27" s="815"/>
      <c r="H27" s="815"/>
      <c r="J27" s="585"/>
      <c r="K27" s="585"/>
      <c r="L27" s="585"/>
    </row>
    <row r="28" spans="1:12" ht="11.25" customHeight="1" x14ac:dyDescent="0.2">
      <c r="A28" s="55" t="s">
        <v>590</v>
      </c>
      <c r="B28" s="722">
        <v>283978900</v>
      </c>
      <c r="C28" s="723"/>
      <c r="D28" s="722">
        <v>2023769.46</v>
      </c>
      <c r="E28" s="723"/>
      <c r="F28" s="722">
        <v>20257332.890000001</v>
      </c>
      <c r="G28" s="815"/>
      <c r="H28" s="815"/>
      <c r="J28" s="585"/>
      <c r="K28" s="585"/>
      <c r="L28" s="585"/>
    </row>
    <row r="29" spans="1:12" ht="11.25" customHeight="1" x14ac:dyDescent="0.2">
      <c r="A29" s="55" t="s">
        <v>591</v>
      </c>
      <c r="B29" s="722">
        <v>1844013900</v>
      </c>
      <c r="C29" s="723"/>
      <c r="D29" s="722">
        <v>258968183.91000003</v>
      </c>
      <c r="E29" s="723"/>
      <c r="F29" s="722">
        <v>284221378.73000002</v>
      </c>
      <c r="G29" s="815"/>
      <c r="H29" s="815"/>
      <c r="J29" s="585"/>
      <c r="K29" s="585"/>
      <c r="L29" s="585"/>
    </row>
    <row r="30" spans="1:12" ht="11.25" customHeight="1" x14ac:dyDescent="0.2">
      <c r="A30" s="55" t="s">
        <v>592</v>
      </c>
      <c r="B30" s="722">
        <v>627207034.64999998</v>
      </c>
      <c r="C30" s="723"/>
      <c r="D30" s="722">
        <v>91690314.100000009</v>
      </c>
      <c r="E30" s="723"/>
      <c r="F30" s="722">
        <v>291053656.19</v>
      </c>
      <c r="G30" s="815"/>
      <c r="H30" s="815"/>
      <c r="J30" s="585"/>
      <c r="K30" s="585"/>
      <c r="L30" s="585"/>
    </row>
    <row r="31" spans="1:12" ht="11.25" customHeight="1" x14ac:dyDescent="0.2">
      <c r="A31" s="55" t="s">
        <v>593</v>
      </c>
      <c r="B31" s="722">
        <v>9180000</v>
      </c>
      <c r="C31" s="723"/>
      <c r="D31" s="722">
        <v>1970555.45</v>
      </c>
      <c r="E31" s="723"/>
      <c r="F31" s="722">
        <v>2708112.38</v>
      </c>
      <c r="G31" s="815"/>
      <c r="H31" s="815"/>
      <c r="J31" s="585"/>
      <c r="K31" s="585"/>
      <c r="L31" s="585"/>
    </row>
    <row r="32" spans="1:12" ht="11.25" customHeight="1" x14ac:dyDescent="0.2">
      <c r="A32" s="55" t="s">
        <v>594</v>
      </c>
      <c r="B32" s="722">
        <v>618027034.64999998</v>
      </c>
      <c r="C32" s="723"/>
      <c r="D32" s="722">
        <v>89719758.650000006</v>
      </c>
      <c r="E32" s="723"/>
      <c r="F32" s="722">
        <v>288345543.81</v>
      </c>
      <c r="G32" s="815"/>
      <c r="H32" s="815"/>
      <c r="J32" s="585"/>
      <c r="K32" s="585"/>
      <c r="L32" s="585"/>
    </row>
    <row r="33" spans="1:12" s="204" customFormat="1" ht="11.25" customHeight="1" x14ac:dyDescent="0.2">
      <c r="A33" s="61" t="s">
        <v>595</v>
      </c>
      <c r="B33" s="720">
        <v>710018100</v>
      </c>
      <c r="C33" s="721"/>
      <c r="D33" s="720">
        <v>86479710.039999992</v>
      </c>
      <c r="E33" s="721"/>
      <c r="F33" s="720">
        <v>84931542.909999996</v>
      </c>
      <c r="G33" s="838"/>
      <c r="H33" s="838"/>
      <c r="J33" s="585"/>
      <c r="K33" s="585"/>
      <c r="L33" s="585"/>
    </row>
    <row r="34" spans="1:12" ht="11.25" customHeight="1" x14ac:dyDescent="0.2">
      <c r="A34" s="55" t="s">
        <v>596</v>
      </c>
      <c r="B34" s="722">
        <v>36288000</v>
      </c>
      <c r="C34" s="723"/>
      <c r="D34" s="722">
        <v>0</v>
      </c>
      <c r="E34" s="723"/>
      <c r="F34" s="722">
        <v>0</v>
      </c>
      <c r="G34" s="815"/>
      <c r="H34" s="815"/>
      <c r="J34" s="585"/>
      <c r="K34" s="585"/>
      <c r="L34" s="585"/>
    </row>
    <row r="35" spans="1:12" ht="11.25" customHeight="1" x14ac:dyDescent="0.2">
      <c r="A35" s="55" t="s">
        <v>597</v>
      </c>
      <c r="B35" s="722">
        <v>2054800</v>
      </c>
      <c r="C35" s="723"/>
      <c r="D35" s="722">
        <v>281754.92</v>
      </c>
      <c r="E35" s="723"/>
      <c r="F35" s="722">
        <v>363621.77</v>
      </c>
      <c r="G35" s="815"/>
      <c r="H35" s="815"/>
      <c r="J35" s="585"/>
      <c r="K35" s="585"/>
      <c r="L35" s="585"/>
    </row>
    <row r="36" spans="1:12" s="204" customFormat="1" ht="11.25" customHeight="1" x14ac:dyDescent="0.2">
      <c r="A36" s="55" t="s">
        <v>598</v>
      </c>
      <c r="B36" s="722">
        <v>7652000</v>
      </c>
      <c r="C36" s="723"/>
      <c r="D36" s="722">
        <v>171541.21</v>
      </c>
      <c r="E36" s="723"/>
      <c r="F36" s="722">
        <v>412819.94</v>
      </c>
      <c r="G36" s="815"/>
      <c r="H36" s="815"/>
      <c r="J36" s="585"/>
      <c r="K36" s="585"/>
      <c r="L36" s="585"/>
    </row>
    <row r="37" spans="1:12" ht="11.25" customHeight="1" x14ac:dyDescent="0.2">
      <c r="A37" s="55" t="s">
        <v>599</v>
      </c>
      <c r="B37" s="722">
        <v>664023300</v>
      </c>
      <c r="C37" s="723"/>
      <c r="D37" s="722">
        <v>86026413.909999996</v>
      </c>
      <c r="E37" s="723"/>
      <c r="F37" s="722">
        <v>84155101.200000003</v>
      </c>
      <c r="G37" s="815"/>
      <c r="H37" s="815"/>
      <c r="J37" s="585"/>
      <c r="K37" s="585"/>
      <c r="L37" s="585"/>
    </row>
    <row r="38" spans="1:12" ht="11.25" customHeight="1" x14ac:dyDescent="0.2">
      <c r="A38" s="55" t="s">
        <v>590</v>
      </c>
      <c r="B38" s="722">
        <v>219840300</v>
      </c>
      <c r="C38" s="723"/>
      <c r="D38" s="722">
        <v>15467706.27</v>
      </c>
      <c r="E38" s="723"/>
      <c r="F38" s="722">
        <v>10668421.890000001</v>
      </c>
      <c r="G38" s="815"/>
      <c r="H38" s="815"/>
      <c r="J38" s="585"/>
      <c r="K38" s="585"/>
      <c r="L38" s="585"/>
    </row>
    <row r="39" spans="1:12" ht="11.25" customHeight="1" x14ac:dyDescent="0.2">
      <c r="A39" s="55" t="s">
        <v>600</v>
      </c>
      <c r="B39" s="722">
        <v>444183000</v>
      </c>
      <c r="C39" s="723"/>
      <c r="D39" s="722">
        <v>70558707.640000001</v>
      </c>
      <c r="E39" s="723"/>
      <c r="F39" s="722">
        <v>73486679.310000002</v>
      </c>
      <c r="G39" s="815"/>
      <c r="H39" s="815"/>
      <c r="J39" s="585"/>
      <c r="K39" s="585"/>
      <c r="L39" s="585"/>
    </row>
    <row r="40" spans="1:12" ht="11.25" customHeight="1" x14ac:dyDescent="0.2">
      <c r="A40" s="55" t="s">
        <v>203</v>
      </c>
      <c r="B40" s="722">
        <v>0</v>
      </c>
      <c r="C40" s="723"/>
      <c r="D40" s="722">
        <v>0</v>
      </c>
      <c r="E40" s="723"/>
      <c r="F40" s="722">
        <v>0</v>
      </c>
      <c r="G40" s="815"/>
      <c r="H40" s="815"/>
      <c r="J40" s="585"/>
      <c r="K40" s="585"/>
      <c r="L40" s="585"/>
    </row>
    <row r="41" spans="1:12" s="204" customFormat="1" ht="11.25" customHeight="1" x14ac:dyDescent="0.2">
      <c r="A41" s="61" t="s">
        <v>601</v>
      </c>
      <c r="B41" s="749">
        <v>664023300</v>
      </c>
      <c r="C41" s="750"/>
      <c r="D41" s="749">
        <v>86026413.909999996</v>
      </c>
      <c r="E41" s="750"/>
      <c r="F41" s="749">
        <v>84155101.200000003</v>
      </c>
      <c r="G41" s="839"/>
      <c r="H41" s="839"/>
      <c r="J41" s="585"/>
      <c r="K41" s="585"/>
      <c r="L41" s="585"/>
    </row>
    <row r="42" spans="1:12" s="204" customFormat="1" ht="15" customHeight="1" x14ac:dyDescent="0.2">
      <c r="A42" s="217" t="s">
        <v>602</v>
      </c>
      <c r="B42" s="703">
        <v>12959564634.65</v>
      </c>
      <c r="C42" s="704"/>
      <c r="D42" s="703">
        <v>1940590973.1600003</v>
      </c>
      <c r="E42" s="704"/>
      <c r="F42" s="703">
        <v>2119402772.4000001</v>
      </c>
      <c r="G42" s="816"/>
      <c r="H42" s="816"/>
    </row>
    <row r="43" spans="1:12" ht="5.0999999999999996" customHeight="1" x14ac:dyDescent="0.2">
      <c r="A43" s="63"/>
      <c r="B43" s="22"/>
      <c r="C43" s="210"/>
      <c r="D43" s="210"/>
    </row>
    <row r="44" spans="1:12" s="204" customFormat="1" ht="30.75" customHeight="1" x14ac:dyDescent="0.2">
      <c r="A44" s="694" t="s">
        <v>603</v>
      </c>
      <c r="B44" s="200" t="s">
        <v>157</v>
      </c>
      <c r="C44" s="776" t="s">
        <v>158</v>
      </c>
      <c r="D44" s="778"/>
      <c r="E44" s="776" t="s">
        <v>159</v>
      </c>
      <c r="F44" s="778"/>
      <c r="G44" s="829" t="s">
        <v>347</v>
      </c>
      <c r="H44" s="777"/>
    </row>
    <row r="45" spans="1:12" s="204" customFormat="1" ht="11.25" customHeight="1" x14ac:dyDescent="0.2">
      <c r="A45" s="695"/>
      <c r="B45" s="728" t="s">
        <v>112</v>
      </c>
      <c r="C45" s="201" t="s">
        <v>115</v>
      </c>
      <c r="D45" s="201" t="s">
        <v>115</v>
      </c>
      <c r="E45" s="201" t="s">
        <v>115</v>
      </c>
      <c r="F45" s="201" t="s">
        <v>115</v>
      </c>
      <c r="G45" s="835" t="s">
        <v>755</v>
      </c>
      <c r="H45" s="823" t="s">
        <v>756</v>
      </c>
    </row>
    <row r="46" spans="1:12" s="204" customFormat="1" ht="17.25" customHeight="1" x14ac:dyDescent="0.2">
      <c r="A46" s="696"/>
      <c r="B46" s="870"/>
      <c r="C46" s="206">
        <v>2015</v>
      </c>
      <c r="D46" s="208">
        <v>2014</v>
      </c>
      <c r="E46" s="206">
        <v>2015</v>
      </c>
      <c r="F46" s="208">
        <v>2014</v>
      </c>
      <c r="G46" s="836"/>
      <c r="H46" s="824"/>
    </row>
    <row r="47" spans="1:12" s="204" customFormat="1" ht="11.25" customHeight="1" x14ac:dyDescent="0.2">
      <c r="A47" s="61" t="s">
        <v>604</v>
      </c>
      <c r="B47" s="488">
        <v>11010163084</v>
      </c>
      <c r="C47" s="488">
        <v>2632192406.8200002</v>
      </c>
      <c r="D47" s="488">
        <v>2748237956.4899998</v>
      </c>
      <c r="E47" s="488">
        <v>1646561834.9100001</v>
      </c>
      <c r="F47" s="575">
        <v>1575337341.98</v>
      </c>
      <c r="G47" s="576"/>
      <c r="H47" s="577"/>
      <c r="I47" s="18"/>
      <c r="J47" s="18"/>
      <c r="K47" s="18"/>
    </row>
    <row r="48" spans="1:12" ht="11.25" customHeight="1" x14ac:dyDescent="0.2">
      <c r="A48" s="55" t="s">
        <v>206</v>
      </c>
      <c r="B48" s="578">
        <v>5849561004</v>
      </c>
      <c r="C48" s="578">
        <v>1614697508.8300002</v>
      </c>
      <c r="D48" s="579">
        <v>1351874489.2199998</v>
      </c>
      <c r="E48" s="580">
        <v>960696573.91000009</v>
      </c>
      <c r="F48" s="579">
        <v>879107570.66999996</v>
      </c>
      <c r="G48" s="580"/>
      <c r="H48" s="432"/>
    </row>
    <row r="49" spans="1:8" ht="11.25" customHeight="1" x14ac:dyDescent="0.2">
      <c r="A49" s="55" t="s">
        <v>605</v>
      </c>
      <c r="B49" s="580">
        <v>265647700</v>
      </c>
      <c r="C49" s="580">
        <v>39942500</v>
      </c>
      <c r="D49" s="579">
        <v>39968600</v>
      </c>
      <c r="E49" s="580">
        <v>38805350.479999997</v>
      </c>
      <c r="F49" s="579">
        <v>34068543.149999999</v>
      </c>
      <c r="G49" s="580"/>
      <c r="H49" s="432"/>
    </row>
    <row r="50" spans="1:8" ht="11.25" customHeight="1" x14ac:dyDescent="0.2">
      <c r="A50" s="55" t="s">
        <v>207</v>
      </c>
      <c r="B50" s="578">
        <v>4894954380</v>
      </c>
      <c r="C50" s="578">
        <v>977552397.99000001</v>
      </c>
      <c r="D50" s="579">
        <v>1356394867.27</v>
      </c>
      <c r="E50" s="579">
        <v>647059910.51999998</v>
      </c>
      <c r="F50" s="579">
        <v>662161228.15999997</v>
      </c>
      <c r="G50" s="580"/>
      <c r="H50" s="432"/>
    </row>
    <row r="51" spans="1:8" ht="11.25" customHeight="1" x14ac:dyDescent="0.2">
      <c r="A51" s="114" t="s">
        <v>873</v>
      </c>
      <c r="B51" s="578">
        <v>2069518230.1800001</v>
      </c>
      <c r="C51" s="579">
        <v>456620000</v>
      </c>
      <c r="D51" s="579">
        <v>627654000</v>
      </c>
      <c r="E51" s="580">
        <v>394696812.86000001</v>
      </c>
      <c r="F51" s="579">
        <v>387257142.45999998</v>
      </c>
      <c r="G51" s="580"/>
      <c r="H51" s="432"/>
    </row>
    <row r="52" spans="1:8" ht="11.25" customHeight="1" x14ac:dyDescent="0.2">
      <c r="A52" s="114" t="s">
        <v>872</v>
      </c>
      <c r="B52" s="578">
        <v>2825436149.8199997</v>
      </c>
      <c r="C52" s="579">
        <v>520932397.99000001</v>
      </c>
      <c r="D52" s="579">
        <v>728740867.26999998</v>
      </c>
      <c r="E52" s="580">
        <v>252363097.66</v>
      </c>
      <c r="F52" s="579">
        <v>274904085.69999999</v>
      </c>
      <c r="G52" s="580"/>
      <c r="H52" s="432"/>
    </row>
    <row r="53" spans="1:8" s="204" customFormat="1" ht="11.25" customHeight="1" x14ac:dyDescent="0.2">
      <c r="A53" s="61" t="s">
        <v>606</v>
      </c>
      <c r="B53" s="488">
        <v>10744515384</v>
      </c>
      <c r="C53" s="488">
        <v>2592249906.8200002</v>
      </c>
      <c r="D53" s="488">
        <v>2708269356.4899998</v>
      </c>
      <c r="E53" s="488">
        <v>1607756484.4300001</v>
      </c>
      <c r="F53" s="575">
        <v>1541268798.8299999</v>
      </c>
      <c r="G53" s="488"/>
      <c r="H53" s="581"/>
    </row>
    <row r="54" spans="1:8" s="204" customFormat="1" ht="11.25" customHeight="1" x14ac:dyDescent="0.2">
      <c r="A54" s="42" t="s">
        <v>607</v>
      </c>
      <c r="B54" s="339">
        <v>2077288476</v>
      </c>
      <c r="C54" s="339">
        <v>294239032.73000002</v>
      </c>
      <c r="D54" s="339">
        <v>910539993.11000001</v>
      </c>
      <c r="E54" s="339">
        <v>168537486.31</v>
      </c>
      <c r="F54" s="428">
        <v>273603642.38</v>
      </c>
      <c r="G54" s="339"/>
      <c r="H54" s="581"/>
    </row>
    <row r="55" spans="1:8" ht="11.25" customHeight="1" x14ac:dyDescent="0.2">
      <c r="A55" s="55" t="s">
        <v>576</v>
      </c>
      <c r="B55" s="580">
        <v>1310765276</v>
      </c>
      <c r="C55" s="579">
        <v>154205032.72999999</v>
      </c>
      <c r="D55" s="579">
        <v>742439679.98000002</v>
      </c>
      <c r="E55" s="580">
        <v>32564659.23</v>
      </c>
      <c r="F55" s="579">
        <v>143322117.19</v>
      </c>
      <c r="G55" s="580"/>
      <c r="H55" s="432"/>
    </row>
    <row r="56" spans="1:8" ht="11.25" customHeight="1" x14ac:dyDescent="0.2">
      <c r="A56" s="55" t="s">
        <v>241</v>
      </c>
      <c r="B56" s="580">
        <v>13788800</v>
      </c>
      <c r="C56" s="580">
        <v>0</v>
      </c>
      <c r="D56" s="580">
        <v>39436413.130000003</v>
      </c>
      <c r="E56" s="580">
        <v>0</v>
      </c>
      <c r="F56" s="579">
        <v>10000000</v>
      </c>
      <c r="G56" s="580"/>
      <c r="H56" s="432"/>
    </row>
    <row r="57" spans="1:8" ht="11.25" customHeight="1" x14ac:dyDescent="0.2">
      <c r="A57" s="55" t="s">
        <v>608</v>
      </c>
      <c r="B57" s="580">
        <v>0</v>
      </c>
      <c r="C57" s="579">
        <v>0</v>
      </c>
      <c r="D57" s="579">
        <v>566413.13</v>
      </c>
      <c r="E57" s="580">
        <v>0</v>
      </c>
      <c r="F57" s="579">
        <v>0</v>
      </c>
      <c r="G57" s="580"/>
      <c r="H57" s="432"/>
    </row>
    <row r="58" spans="1:8" ht="11.25" customHeight="1" x14ac:dyDescent="0.2">
      <c r="A58" s="55" t="s">
        <v>609</v>
      </c>
      <c r="B58" s="580">
        <v>0</v>
      </c>
      <c r="C58" s="579">
        <v>0</v>
      </c>
      <c r="D58" s="579">
        <v>0</v>
      </c>
      <c r="E58" s="580">
        <v>0</v>
      </c>
      <c r="F58" s="579">
        <v>0</v>
      </c>
      <c r="G58" s="580"/>
      <c r="H58" s="432"/>
    </row>
    <row r="59" spans="1:8" ht="11.25" customHeight="1" x14ac:dyDescent="0.2">
      <c r="A59" s="55" t="s">
        <v>610</v>
      </c>
      <c r="B59" s="580">
        <v>13788800</v>
      </c>
      <c r="C59" s="580">
        <v>0</v>
      </c>
      <c r="D59" s="579">
        <v>38870000</v>
      </c>
      <c r="E59" s="580">
        <v>0</v>
      </c>
      <c r="F59" s="579">
        <v>10000000</v>
      </c>
      <c r="G59" s="580"/>
      <c r="H59" s="432"/>
    </row>
    <row r="60" spans="1:8" ht="11.25" customHeight="1" x14ac:dyDescent="0.2">
      <c r="A60" s="55" t="s">
        <v>611</v>
      </c>
      <c r="B60" s="580">
        <v>752734400</v>
      </c>
      <c r="C60" s="580">
        <v>140034000</v>
      </c>
      <c r="D60" s="579">
        <v>128663900</v>
      </c>
      <c r="E60" s="580">
        <v>135972827.08000001</v>
      </c>
      <c r="F60" s="579">
        <v>120281525.19</v>
      </c>
      <c r="G60" s="580"/>
      <c r="H60" s="432"/>
    </row>
    <row r="61" spans="1:8" s="204" customFormat="1" ht="11.25" customHeight="1" x14ac:dyDescent="0.2">
      <c r="A61" s="42" t="s">
        <v>612</v>
      </c>
      <c r="B61" s="339">
        <v>1324554076</v>
      </c>
      <c r="C61" s="339">
        <v>154205032.73000002</v>
      </c>
      <c r="D61" s="339">
        <v>781309679.98000002</v>
      </c>
      <c r="E61" s="339">
        <v>32564659.229999989</v>
      </c>
      <c r="F61" s="428">
        <v>153322117.19</v>
      </c>
      <c r="G61" s="339"/>
      <c r="H61" s="581"/>
    </row>
    <row r="62" spans="1:8" s="204" customFormat="1" ht="11.25" customHeight="1" x14ac:dyDescent="0.2">
      <c r="A62" s="42" t="s">
        <v>613</v>
      </c>
      <c r="B62" s="339">
        <v>87915000</v>
      </c>
      <c r="C62" s="339">
        <v>0</v>
      </c>
      <c r="D62" s="428">
        <v>0</v>
      </c>
      <c r="E62" s="339">
        <v>0</v>
      </c>
      <c r="F62" s="428">
        <v>0</v>
      </c>
      <c r="G62" s="339"/>
      <c r="H62" s="581"/>
    </row>
    <row r="63" spans="1:8" s="204" customFormat="1" ht="11.25" customHeight="1" x14ac:dyDescent="0.2">
      <c r="A63" s="42" t="s">
        <v>614</v>
      </c>
      <c r="B63" s="339">
        <v>28960200</v>
      </c>
      <c r="C63" s="339">
        <v>0</v>
      </c>
      <c r="D63" s="428">
        <v>0</v>
      </c>
      <c r="E63" s="502">
        <v>0</v>
      </c>
      <c r="F63" s="429">
        <v>0</v>
      </c>
      <c r="G63" s="339"/>
      <c r="H63" s="582"/>
    </row>
    <row r="64" spans="1:8" s="204" customFormat="1" ht="15" customHeight="1" x14ac:dyDescent="0.2">
      <c r="A64" s="116" t="s">
        <v>615</v>
      </c>
      <c r="B64" s="363">
        <v>12185944660</v>
      </c>
      <c r="C64" s="363">
        <v>2746454939.5500002</v>
      </c>
      <c r="D64" s="363">
        <v>3489579036.4699998</v>
      </c>
      <c r="E64" s="363">
        <v>1640321143.6600001</v>
      </c>
      <c r="F64" s="583">
        <v>1694590916.02</v>
      </c>
      <c r="G64" s="363">
        <v>0</v>
      </c>
      <c r="H64" s="365">
        <v>0</v>
      </c>
    </row>
    <row r="65" spans="1:8" ht="5.0999999999999996" customHeight="1" x14ac:dyDescent="0.2">
      <c r="A65" s="115"/>
      <c r="B65" s="584"/>
      <c r="C65" s="584"/>
      <c r="D65" s="584"/>
      <c r="E65" s="585"/>
      <c r="F65" s="432"/>
      <c r="G65" s="586"/>
      <c r="H65" s="432"/>
    </row>
    <row r="66" spans="1:8" s="204" customFormat="1" ht="15" customHeight="1" x14ac:dyDescent="0.2">
      <c r="A66" s="116" t="s">
        <v>616</v>
      </c>
      <c r="B66" s="362">
        <v>773619974.64999962</v>
      </c>
      <c r="C66" s="362"/>
      <c r="D66" s="363"/>
      <c r="E66" s="362">
        <v>300269829.50000024</v>
      </c>
      <c r="F66" s="362">
        <v>424811856.38000011</v>
      </c>
      <c r="G66" s="362">
        <v>0</v>
      </c>
      <c r="H66" s="228"/>
    </row>
    <row r="67" spans="1:8" ht="5.0999999999999996" customHeight="1" x14ac:dyDescent="0.2">
      <c r="A67" s="115"/>
      <c r="B67" s="584"/>
      <c r="C67" s="584"/>
      <c r="D67" s="584"/>
      <c r="E67" s="585"/>
      <c r="F67" s="432"/>
      <c r="G67" s="585"/>
      <c r="H67" s="432"/>
    </row>
    <row r="68" spans="1:8" s="204" customFormat="1" ht="15" customHeight="1" x14ac:dyDescent="0.2">
      <c r="A68" s="116" t="s">
        <v>617</v>
      </c>
      <c r="B68" s="433"/>
      <c r="C68" s="433"/>
      <c r="D68" s="433"/>
      <c r="E68" s="228"/>
      <c r="F68" s="228"/>
      <c r="G68" s="228"/>
      <c r="H68" s="228"/>
    </row>
    <row r="69" spans="1:8" ht="5.0999999999999996" customHeight="1" x14ac:dyDescent="0.2">
      <c r="A69" s="55"/>
      <c r="B69" s="210"/>
      <c r="C69" s="210"/>
      <c r="D69" s="210"/>
    </row>
    <row r="70" spans="1:8" s="222" customFormat="1" ht="11.25" customHeight="1" x14ac:dyDescent="0.2">
      <c r="A70" s="864" t="s">
        <v>567</v>
      </c>
      <c r="B70" s="864"/>
      <c r="C70" s="864"/>
      <c r="D70" s="865"/>
      <c r="E70" s="789" t="s">
        <v>568</v>
      </c>
      <c r="F70" s="790"/>
      <c r="G70" s="790"/>
      <c r="H70" s="790"/>
    </row>
    <row r="71" spans="1:8" s="222" customFormat="1" ht="11.25" customHeight="1" x14ac:dyDescent="0.2">
      <c r="A71" s="866"/>
      <c r="B71" s="866"/>
      <c r="C71" s="866"/>
      <c r="D71" s="867"/>
      <c r="E71" s="810"/>
      <c r="F71" s="844"/>
      <c r="G71" s="844"/>
      <c r="H71" s="844"/>
    </row>
    <row r="72" spans="1:8" ht="15" customHeight="1" x14ac:dyDescent="0.2">
      <c r="A72" s="868" t="s">
        <v>618</v>
      </c>
      <c r="B72" s="868"/>
      <c r="C72" s="868"/>
      <c r="D72" s="869"/>
      <c r="E72" s="862">
        <v>471749000</v>
      </c>
      <c r="F72" s="863"/>
      <c r="G72" s="863"/>
      <c r="H72" s="863"/>
    </row>
    <row r="73" spans="1:8" ht="11.25" customHeight="1" x14ac:dyDescent="0.2">
      <c r="A73" s="64" t="s">
        <v>878</v>
      </c>
      <c r="B73" s="154"/>
      <c r="C73" s="154"/>
      <c r="D73" s="154"/>
      <c r="E73" s="154"/>
      <c r="F73" s="154"/>
      <c r="G73" s="154"/>
      <c r="H73" s="297"/>
    </row>
    <row r="74" spans="1:8" s="209" customFormat="1" ht="11.25" customHeight="1" x14ac:dyDescent="0.2"/>
    <row r="75" spans="1:8" s="402" customFormat="1" ht="11.25" customHeight="1" x14ac:dyDescent="0.2">
      <c r="B75" s="655"/>
      <c r="C75" s="655"/>
      <c r="E75" s="655"/>
    </row>
    <row r="76" spans="1:8" s="402" customFormat="1" ht="11.25" customHeight="1" x14ac:dyDescent="0.2"/>
    <row r="79" spans="1:8" ht="11.25" customHeight="1" x14ac:dyDescent="0.2">
      <c r="C79" s="358"/>
    </row>
    <row r="80" spans="1:8" ht="11.25" customHeight="1" x14ac:dyDescent="0.2">
      <c r="C80" s="358"/>
    </row>
    <row r="81" spans="3:3" ht="11.25" customHeight="1" x14ac:dyDescent="0.2">
      <c r="C81" s="358"/>
    </row>
    <row r="82" spans="3:3" ht="11.25" customHeight="1" x14ac:dyDescent="0.2">
      <c r="C82" s="358"/>
    </row>
    <row r="83" spans="3:3" ht="11.25" customHeight="1" x14ac:dyDescent="0.2">
      <c r="C83" s="358"/>
    </row>
    <row r="84" spans="3:3" ht="11.25" customHeight="1" x14ac:dyDescent="0.2">
      <c r="C84" s="358"/>
    </row>
    <row r="85" spans="3:3" ht="11.25" customHeight="1" x14ac:dyDescent="0.2">
      <c r="C85" s="358"/>
    </row>
    <row r="86" spans="3:3" ht="11.25" customHeight="1" x14ac:dyDescent="0.2">
      <c r="C86" s="358"/>
    </row>
    <row r="87" spans="3:3" ht="11.25" customHeight="1" x14ac:dyDescent="0.2">
      <c r="C87" s="358"/>
    </row>
    <row r="88" spans="3:3" ht="11.25" customHeight="1" x14ac:dyDescent="0.2">
      <c r="C88" s="358"/>
    </row>
    <row r="89" spans="3:3" ht="11.25" customHeight="1" x14ac:dyDescent="0.2">
      <c r="C89" s="358"/>
    </row>
    <row r="90" spans="3:3" ht="11.25" customHeight="1" x14ac:dyDescent="0.2">
      <c r="C90" s="358"/>
    </row>
    <row r="91" spans="3:3" ht="11.25" customHeight="1" x14ac:dyDescent="0.2">
      <c r="C91" s="358"/>
    </row>
    <row r="92" spans="3:3" ht="11.25" customHeight="1" x14ac:dyDescent="0.2">
      <c r="C92" s="358"/>
    </row>
  </sheetData>
  <customSheetViews>
    <customSheetView guid="{8C4C4E05-26A9-48D7-9CF5-CBEE6AE5F4C6}" showPageBreaks="1" showGridLines="0" fitToPage="1" printArea="1">
      <selection activeCell="B27" sqref="B27:C27"/>
      <pageMargins left="0.19685039370078741" right="0.19685039370078741" top="0.19685039370078741" bottom="0.19685039370078741" header="0" footer="0"/>
      <printOptions horizontalCentered="1"/>
      <pageSetup paperSize="9" scale="50" orientation="portrait" r:id="rId1"/>
      <headerFooter alignWithMargins="0"/>
    </customSheetView>
    <customSheetView guid="{6F6CE139-4C01-4DC6-BA1C-5DC7C1E4A87D}" showPageBreaks="1" showGridLines="0" fitToPage="1" printArea="1" topLeftCell="A33">
      <selection activeCell="D38" sqref="D38:E40"/>
      <pageMargins left="0.19685039370078741" right="0.19685039370078741" top="0.39370078740157483" bottom="0.19685039370078741" header="0" footer="0"/>
      <printOptions horizontalCentered="1"/>
      <pageSetup paperSize="9" scale="55" orientation="portrait" r:id="rId2"/>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3"/>
      <headerFooter alignWithMargins="0">
        <oddFooter>&amp;A</oddFooter>
      </headerFooter>
    </customSheetView>
    <customSheetView guid="{82EDB5A4-4824-4632-A540-7A52C92F04C7}" scale="96" showPageBreaks="1" showGridLines="0" fitToPage="1" printArea="1" hiddenColumns="1" topLeftCell="A52">
      <selection activeCell="E72" sqref="E72:H72"/>
      <pageMargins left="0.31496062992125984" right="0.27559055118110237" top="0.59055118110236227" bottom="0.39370078740157483" header="0" footer="0.19685039370078741"/>
      <printOptions horizontalCentered="1"/>
      <pageSetup paperSize="9" scale="54" orientation="portrait" r:id="rId4"/>
      <headerFooter alignWithMargins="0">
        <oddFooter>&amp;A</oddFooter>
      </headerFooter>
    </customSheetView>
    <customSheetView guid="{6DBFA32C-4AA4-4E1D-9A48-697377C64CC3}" showGridLines="0" fitToPage="1">
      <pageMargins left="0.19685039370078741" right="0.19685039370078741" top="0.39370078740157483" bottom="0.19685039370078741" header="0" footer="0"/>
      <printOptions horizontalCentered="1"/>
      <pageSetup paperSize="9" scale="50" orientation="portrait" r:id="rId5"/>
      <headerFooter alignWithMargins="0"/>
    </customSheetView>
    <customSheetView guid="{3AAF6A5F-F9AA-430B-9AD9-1261ECDF41B5}" showPageBreaks="1" showGridLines="0" fitToPage="1" printArea="1" topLeftCell="A8">
      <selection activeCell="A31" sqref="A31"/>
      <pageMargins left="0.19685039370078741" right="0.19685039370078741" top="0.19685039370078741" bottom="0.19685039370078741" header="0" footer="0"/>
      <printOptions horizontalCentered="1"/>
      <pageSetup paperSize="9" scale="55" orientation="portrait" r:id="rId6"/>
      <headerFooter alignWithMargins="0"/>
    </customSheetView>
    <customSheetView guid="{25EF1E0D-169B-4051-B414-7E1196FC05E4}" showPageBreaks="1" showGridLines="0" fitToPage="1" printArea="1" topLeftCell="A13">
      <selection activeCell="B27" sqref="B27:C27"/>
      <pageMargins left="0.19685039370078741" right="0.19685039370078741" top="0.19685039370078741" bottom="0.19685039370078741" header="0" footer="0"/>
      <printOptions horizontalCentered="1"/>
      <pageSetup paperSize="9" scale="50" orientation="portrait" r:id="rId7"/>
      <headerFooter alignWithMargins="0"/>
    </customSheetView>
  </customSheetViews>
  <mergeCells count="113">
    <mergeCell ref="B41:C41"/>
    <mergeCell ref="D41:E41"/>
    <mergeCell ref="F41:H41"/>
    <mergeCell ref="B42:C42"/>
    <mergeCell ref="D42:E42"/>
    <mergeCell ref="F42:H42"/>
    <mergeCell ref="B39:C39"/>
    <mergeCell ref="D39:E39"/>
    <mergeCell ref="F39:H39"/>
    <mergeCell ref="B40:C40"/>
    <mergeCell ref="D40:E40"/>
    <mergeCell ref="F40:H40"/>
    <mergeCell ref="B37:C37"/>
    <mergeCell ref="D37:E37"/>
    <mergeCell ref="F37:H37"/>
    <mergeCell ref="B38:C38"/>
    <mergeCell ref="D38:E38"/>
    <mergeCell ref="F38:H38"/>
    <mergeCell ref="B35:C35"/>
    <mergeCell ref="D35:E35"/>
    <mergeCell ref="F35:H35"/>
    <mergeCell ref="B36:C36"/>
    <mergeCell ref="D36:E36"/>
    <mergeCell ref="F36:H36"/>
    <mergeCell ref="B33:C33"/>
    <mergeCell ref="D33:E33"/>
    <mergeCell ref="F33:H33"/>
    <mergeCell ref="B34:C34"/>
    <mergeCell ref="D34:E34"/>
    <mergeCell ref="F34:H34"/>
    <mergeCell ref="B31:C31"/>
    <mergeCell ref="D31:E31"/>
    <mergeCell ref="F31:H31"/>
    <mergeCell ref="B32:C32"/>
    <mergeCell ref="D32:E32"/>
    <mergeCell ref="F32:H32"/>
    <mergeCell ref="B29:C29"/>
    <mergeCell ref="D29:E29"/>
    <mergeCell ref="F29:H29"/>
    <mergeCell ref="B30:C30"/>
    <mergeCell ref="D30:E30"/>
    <mergeCell ref="F30:H30"/>
    <mergeCell ref="B27:C27"/>
    <mergeCell ref="D27:E27"/>
    <mergeCell ref="F27:H27"/>
    <mergeCell ref="B28:C28"/>
    <mergeCell ref="D28:E28"/>
    <mergeCell ref="F28:H28"/>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s>
  <printOptions horizontalCentered="1"/>
  <pageMargins left="0.19685039370078741" right="0.19685039370078741" top="0.19685039370078741" bottom="0.19685039370078741" header="0" footer="0"/>
  <pageSetup paperSize="9" scale="50"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2</vt:i4>
      </vt:variant>
    </vt:vector>
  </HeadingPairs>
  <TitlesOfParts>
    <vt:vector size="26" baseType="lpstr">
      <vt:lpstr>Anexo1-Balanço Orçamentário</vt:lpstr>
      <vt:lpstr>Anexo 1.1-Balanço Orç Intra</vt:lpstr>
      <vt:lpstr>Anexo 2-Função</vt:lpstr>
      <vt:lpstr>Anexo 2.1-Função-Intra</vt:lpstr>
      <vt:lpstr>Anexo 3-RCL Estados</vt:lpstr>
      <vt:lpstr>Anexo 4-RPPS Financeiro FR40</vt:lpstr>
      <vt:lpstr>Anexo 4-RPPS Previdenciário47</vt:lpstr>
      <vt:lpstr>Anexo 5-Resultado Nominal</vt:lpstr>
      <vt:lpstr>Anexo 6-Primário Estados</vt:lpstr>
      <vt:lpstr>Anexo 7-RP Poder e Órgão</vt:lpstr>
      <vt:lpstr>Anexo 8-MDE-Estados</vt:lpstr>
      <vt:lpstr>Anexo 12-Saúde-Estados</vt:lpstr>
      <vt:lpstr>Anexo 13-Despesas PPP</vt:lpstr>
      <vt:lpstr>Anexo 14-Simplificado</vt:lpstr>
      <vt:lpstr>'Anexo 1.1-Balanço Orç Intra'!Area_de_impressao</vt:lpstr>
      <vt:lpstr>'Anexo 12-Saúde-Estados'!Area_de_impressao</vt:lpstr>
      <vt:lpstr>'Anexo 13-Despesas PPP'!Area_de_impressao</vt:lpstr>
      <vt:lpstr>'Anexo 14-Simplificado'!Area_de_impressao</vt:lpstr>
      <vt:lpstr>'Anexo 2-Função'!Area_de_impressao</vt:lpstr>
      <vt:lpstr>'Anexo 3-RCL Estados'!Area_de_impressao</vt:lpstr>
      <vt:lpstr>'Anexo 4-RPPS Previdenciário47'!Area_de_impressao</vt:lpstr>
      <vt:lpstr>'Anexo 5-Resultado Nominal'!Area_de_impressao</vt:lpstr>
      <vt:lpstr>'Anexo 6-Primário Estados'!Area_de_impressao</vt:lpstr>
      <vt:lpstr>'Anexo 7-RP Poder e Órgão'!Area_de_impressao</vt:lpstr>
      <vt:lpstr>'Anexo 8-MDE-Estados'!Area_de_impressao</vt:lpstr>
      <vt:lpstr>'Anexo1-Balanço Orçamentário'!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5-12-14T12:49:13Z</cp:lastPrinted>
  <dcterms:created xsi:type="dcterms:W3CDTF">2004-08-09T19:29:24Z</dcterms:created>
  <dcterms:modified xsi:type="dcterms:W3CDTF">2015-12-14T13:39:16Z</dcterms:modified>
</cp:coreProperties>
</file>